
<file path=[Content_Types].xml><?xml version="1.0" encoding="utf-8"?>
<Types xmlns="http://schemas.openxmlformats.org/package/2006/content-types">
  <Default Extension="xml" ContentType="application/xml"/>
  <Default Extension="jpeg" ContentType="image/jpeg"/>
  <Default Extension="bin" ContentType="application/vnd.openxmlformats-officedocument.presentationml.printerSettings"/>
  <Default Extension="png" ContentType="image/png"/>
  <Default Extension="rels" ContentType="application/vnd.openxmlformats-package.relationships+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notesSlides/notesSlide1.xml" ContentType="application/vnd.openxmlformats-officedocument.presentationml.notesSlide+xml"/>
  <Override PartName="/ppt/tags/tag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4" Type="http://schemas.openxmlformats.org/officeDocument/2006/relationships/extended-properties" Target="docProps/app.xml"/><Relationship Id="rId1" Type="http://schemas.openxmlformats.org/officeDocument/2006/relationships/officeDocument" Target="ppt/presentation.xml"/><Relationship Id="rId2" Type="http://schemas.openxmlformats.org/package/2006/relationships/metadata/thumbnail" Target="docProps/thumbnail.jpeg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84" r:id="rId1"/>
  </p:sldMasterIdLst>
  <p:notesMasterIdLst>
    <p:notesMasterId r:id="rId15"/>
  </p:notesMasterIdLst>
  <p:handoutMasterIdLst>
    <p:handoutMasterId r:id="rId16"/>
  </p:handoutMasterIdLst>
  <p:sldIdLst>
    <p:sldId id="264" r:id="rId2"/>
    <p:sldId id="282" r:id="rId3"/>
    <p:sldId id="270" r:id="rId4"/>
    <p:sldId id="271" r:id="rId5"/>
    <p:sldId id="272" r:id="rId6"/>
    <p:sldId id="274" r:id="rId7"/>
    <p:sldId id="275" r:id="rId8"/>
    <p:sldId id="276" r:id="rId9"/>
    <p:sldId id="277" r:id="rId10"/>
    <p:sldId id="278" r:id="rId11"/>
    <p:sldId id="279" r:id="rId12"/>
    <p:sldId id="280" r:id="rId13"/>
    <p:sldId id="281" r:id="rId14"/>
  </p:sldIdLst>
  <p:sldSz cx="6858000" cy="51435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/>
    </p:ext>
    <p:ext uri="{2D200454-40CA-4A62-9FC3-DE9A4176ACB9}">
      <p15:notesGuideLst xmlns:p15="http://schemas.microsoft.com/office/powerpoint/2012/main" xmlns="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FFF00"/>
    <a:srgbClr val="0070C0"/>
    <a:srgbClr val="00B0F0"/>
    <a:srgbClr val="7F7F7F"/>
    <a:srgbClr val="92D050"/>
    <a:srgbClr val="FFC000"/>
    <a:srgbClr val="FF00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xmlns="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>
      <p:cViewPr varScale="1">
        <p:scale>
          <a:sx n="182" d="100"/>
          <a:sy n="182" d="100"/>
        </p:scale>
        <p:origin x="-1648" y="-104"/>
      </p:cViewPr>
      <p:guideLst>
        <p:guide orient="horz" pos="1620"/>
        <p:guide pos="2160"/>
      </p:guideLst>
    </p:cSldViewPr>
  </p:slideViewPr>
  <p:notesTextViewPr>
    <p:cViewPr>
      <p:scale>
        <a:sx n="3" d="2"/>
        <a:sy n="3" d="2"/>
      </p:scale>
      <p:origin x="0" y="0"/>
    </p:cViewPr>
  </p:notesTextViewPr>
  <p:notesViewPr>
    <p:cSldViewPr snapToGrid="0">
      <p:cViewPr varScale="1">
        <p:scale>
          <a:sx n="92" d="100"/>
          <a:sy n="92" d="100"/>
        </p:scale>
        <p:origin x="3378" y="102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9" Type="http://schemas.openxmlformats.org/officeDocument/2006/relationships/slide" Target="slides/slide8.xml"/><Relationship Id="rId20" Type="http://schemas.openxmlformats.org/officeDocument/2006/relationships/theme" Target="theme/theme1.xml"/><Relationship Id="rId21" Type="http://schemas.openxmlformats.org/officeDocument/2006/relationships/tableStyles" Target="tableStyles.xml"/><Relationship Id="rId10" Type="http://schemas.openxmlformats.org/officeDocument/2006/relationships/slide" Target="slides/slide9.xml"/><Relationship Id="rId11" Type="http://schemas.openxmlformats.org/officeDocument/2006/relationships/slide" Target="slides/slide10.xml"/><Relationship Id="rId12" Type="http://schemas.openxmlformats.org/officeDocument/2006/relationships/slide" Target="slides/slide11.xml"/><Relationship Id="rId13" Type="http://schemas.openxmlformats.org/officeDocument/2006/relationships/slide" Target="slides/slide12.xml"/><Relationship Id="rId14" Type="http://schemas.openxmlformats.org/officeDocument/2006/relationships/slide" Target="slides/slide13.xml"/><Relationship Id="rId15" Type="http://schemas.openxmlformats.org/officeDocument/2006/relationships/notesMaster" Target="notesMasters/notesMaster1.xml"/><Relationship Id="rId16" Type="http://schemas.openxmlformats.org/officeDocument/2006/relationships/handoutMaster" Target="handoutMasters/handoutMaster1.xml"/><Relationship Id="rId17" Type="http://schemas.openxmlformats.org/officeDocument/2006/relationships/printerSettings" Target="printerSettings/printerSettings1.bin"/><Relationship Id="rId18" Type="http://schemas.openxmlformats.org/officeDocument/2006/relationships/presProps" Target="presProps.xml"/><Relationship Id="rId19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2" Type="http://schemas.openxmlformats.org/officeDocument/2006/relationships/slide" Target="slides/slide1.xml"/><Relationship Id="rId3" Type="http://schemas.openxmlformats.org/officeDocument/2006/relationships/slide" Target="slides/slide2.xml"/><Relationship Id="rId4" Type="http://schemas.openxmlformats.org/officeDocument/2006/relationships/slide" Target="slides/slide3.xml"/><Relationship Id="rId5" Type="http://schemas.openxmlformats.org/officeDocument/2006/relationships/slide" Target="slides/slide4.xml"/><Relationship Id="rId6" Type="http://schemas.openxmlformats.org/officeDocument/2006/relationships/slide" Target="slides/slide5.xml"/><Relationship Id="rId7" Type="http://schemas.openxmlformats.org/officeDocument/2006/relationships/slide" Target="slides/slide6.xml"/><Relationship Id="rId8" Type="http://schemas.openxmlformats.org/officeDocument/2006/relationships/slide" Target="slides/slide7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0D408433-34B8-4900-B322-FC16DF983027}" type="datetimeFigureOut">
              <a:rPr lang="en-GB" smtClean="0"/>
              <a:t>5/19/15</a:t>
            </a:fld>
            <a:endParaRPr lang="en-GB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71718836-AC63-49E8-848F-65CD5FD0F4D4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997083345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11359B4E-B74F-4189-AF44-82B5AF77995E}" type="datetimeFigureOut">
              <a:rPr lang="en-GB" smtClean="0"/>
              <a:t>5/19/15</a:t>
            </a:fld>
            <a:endParaRPr lang="en-GB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GB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4E2F861D-B25B-4C66-8631-33ABF265D6CB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2940076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6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371600" y="1143000"/>
            <a:ext cx="4114800" cy="30861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9BCC2EF3-F6D5-487B-8333-55D0C7D858BB}" type="slidenum">
              <a:rPr lang="en-GB" smtClean="0"/>
              <a:t>6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78088782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514350" y="841772"/>
            <a:ext cx="5829300" cy="1790700"/>
          </a:xfrm>
        </p:spPr>
        <p:txBody>
          <a:bodyPr anchor="b"/>
          <a:lstStyle>
            <a:lvl1pPr algn="ctr">
              <a:defRPr sz="4500"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857250" y="2701528"/>
            <a:ext cx="5143500" cy="1241822"/>
          </a:xfrm>
        </p:spPr>
        <p:txBody>
          <a:bodyPr/>
          <a:lstStyle>
            <a:lvl1pPr marL="0" indent="0" algn="ctr">
              <a:buNone/>
              <a:defRPr sz="1800"/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C764DE79-268F-4C1A-8933-263129D2AF90}" type="datetimeFigureOut">
              <a:rPr lang="en-US" smtClean="0"/>
              <a:t>5/19/15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48F63A3B-78C7-47BE-AE5E-E10140E04643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8485321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08CC09F5-7FB9-4625-B610-85C12CB15664}" type="datetimeFigureOut">
              <a:rPr lang="en-GB" smtClean="0"/>
              <a:t>5/19/15</a:t>
            </a:fld>
            <a:endParaRPr lang="en-GB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/>
          <a:lstStyle/>
          <a:p>
            <a:endParaRPr lang="en-GB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DCD341DD-A41C-4F80-A14A-20F946813D12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727215902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4907757" y="273844"/>
            <a:ext cx="1478756" cy="4358879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71488" y="273844"/>
            <a:ext cx="4350544" cy="4358879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08CC09F5-7FB9-4625-B610-85C12CB15664}" type="datetimeFigureOut">
              <a:rPr lang="en-GB" smtClean="0"/>
              <a:t>5/19/15</a:t>
            </a:fld>
            <a:endParaRPr lang="en-GB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/>
          <a:lstStyle/>
          <a:p>
            <a:endParaRPr lang="en-GB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DCD341DD-A41C-4F80-A14A-20F946813D12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99761360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C764DE79-268F-4C1A-8933-263129D2AF90}" type="datetimeFigureOut">
              <a:rPr lang="en-US" smtClean="0"/>
              <a:t>5/19/15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48F63A3B-78C7-47BE-AE5E-E10140E04643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73213588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67916" y="1282305"/>
            <a:ext cx="5915025" cy="2139553"/>
          </a:xfrm>
        </p:spPr>
        <p:txBody>
          <a:bodyPr anchor="b"/>
          <a:lstStyle>
            <a:lvl1pPr>
              <a:defRPr sz="4500"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67916" y="3442099"/>
            <a:ext cx="5915025" cy="1125140"/>
          </a:xfrm>
        </p:spPr>
        <p:txBody>
          <a:bodyPr/>
          <a:lstStyle>
            <a:lvl1pPr marL="0" indent="0">
              <a:buNone/>
              <a:defRPr sz="1800">
                <a:solidFill>
                  <a:schemeClr val="tx1"/>
                </a:solidFill>
              </a:defRPr>
            </a:lvl1pPr>
            <a:lvl2pPr marL="342900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2pPr>
            <a:lvl3pPr marL="685800" indent="0">
              <a:buNone/>
              <a:defRPr sz="1350">
                <a:solidFill>
                  <a:schemeClr val="tx1">
                    <a:tint val="75000"/>
                  </a:schemeClr>
                </a:solidFill>
              </a:defRPr>
            </a:lvl3pPr>
            <a:lvl4pPr marL="10287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4pPr>
            <a:lvl5pPr marL="13716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5pPr>
            <a:lvl6pPr marL="17145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6pPr>
            <a:lvl7pPr marL="20574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7pPr>
            <a:lvl8pPr marL="24003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8pPr>
            <a:lvl9pPr marL="27432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08CC09F5-7FB9-4625-B610-85C12CB15664}" type="datetimeFigureOut">
              <a:rPr lang="en-GB" smtClean="0"/>
              <a:t>5/19/15</a:t>
            </a:fld>
            <a:endParaRPr lang="en-GB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/>
          <a:lstStyle/>
          <a:p>
            <a:endParaRPr lang="en-GB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DCD341DD-A41C-4F80-A14A-20F946813D12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88111990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71488" y="1369219"/>
            <a:ext cx="2914650" cy="3263504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3471863" y="1369219"/>
            <a:ext cx="2914650" cy="3263504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08CC09F5-7FB9-4625-B610-85C12CB15664}" type="datetimeFigureOut">
              <a:rPr lang="en-GB" smtClean="0"/>
              <a:t>5/19/15</a:t>
            </a:fld>
            <a:endParaRPr lang="en-GB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/>
          <a:lstStyle/>
          <a:p>
            <a:endParaRPr lang="en-GB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DCD341DD-A41C-4F80-A14A-20F946813D12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39702311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2381" y="273845"/>
            <a:ext cx="5915025" cy="994172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72381" y="1260872"/>
            <a:ext cx="2901255" cy="617934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72381" y="1878806"/>
            <a:ext cx="2901255" cy="2763441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3471863" y="1260872"/>
            <a:ext cx="2915543" cy="617934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3471863" y="1878806"/>
            <a:ext cx="2915543" cy="2763441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08CC09F5-7FB9-4625-B610-85C12CB15664}" type="datetimeFigureOut">
              <a:rPr lang="en-GB" smtClean="0"/>
              <a:t>5/19/15</a:t>
            </a:fld>
            <a:endParaRPr lang="en-GB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/>
          <a:lstStyle/>
          <a:p>
            <a:endParaRPr lang="en-GB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DCD341DD-A41C-4F80-A14A-20F946813D12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80064159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08CC09F5-7FB9-4625-B610-85C12CB15664}" type="datetimeFigureOut">
              <a:rPr lang="en-GB" smtClean="0"/>
              <a:t>5/19/15</a:t>
            </a:fld>
            <a:endParaRPr lang="en-GB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/>
          <a:lstStyle/>
          <a:p>
            <a:endParaRPr lang="en-GB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DCD341DD-A41C-4F80-A14A-20F946813D12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5523963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08CC09F5-7FB9-4625-B610-85C12CB15664}" type="datetimeFigureOut">
              <a:rPr lang="en-GB" smtClean="0"/>
              <a:t>5/19/15</a:t>
            </a:fld>
            <a:endParaRPr lang="en-GB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DCD341DD-A41C-4F80-A14A-20F946813D12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20257174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2381" y="342900"/>
            <a:ext cx="2211884" cy="120015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915543" y="740570"/>
            <a:ext cx="3471863" cy="3655219"/>
          </a:xfrm>
        </p:spPr>
        <p:txBody>
          <a:bodyPr/>
          <a:lstStyle>
            <a:lvl1pPr>
              <a:defRPr sz="2400"/>
            </a:lvl1pPr>
            <a:lvl2pPr>
              <a:defRPr sz="2100"/>
            </a:lvl2pPr>
            <a:lvl3pPr>
              <a:defRPr sz="1800"/>
            </a:lvl3pPr>
            <a:lvl4pPr>
              <a:defRPr sz="1500"/>
            </a:lvl4pPr>
            <a:lvl5pPr>
              <a:defRPr sz="1500"/>
            </a:lvl5pPr>
            <a:lvl6pPr>
              <a:defRPr sz="1500"/>
            </a:lvl6pPr>
            <a:lvl7pPr>
              <a:defRPr sz="1500"/>
            </a:lvl7pPr>
            <a:lvl8pPr>
              <a:defRPr sz="1500"/>
            </a:lvl8pPr>
            <a:lvl9pPr>
              <a:defRPr sz="15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72381" y="1543050"/>
            <a:ext cx="2211884" cy="2858691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08CC09F5-7FB9-4625-B610-85C12CB15664}" type="datetimeFigureOut">
              <a:rPr lang="en-GB" smtClean="0"/>
              <a:t>5/19/15</a:t>
            </a:fld>
            <a:endParaRPr lang="en-GB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/>
          <a:lstStyle/>
          <a:p>
            <a:endParaRPr lang="en-GB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DCD341DD-A41C-4F80-A14A-20F946813D12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985054625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2381" y="342900"/>
            <a:ext cx="2211884" cy="120015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2915543" y="740570"/>
            <a:ext cx="3471863" cy="3655219"/>
          </a:xfrm>
        </p:spPr>
        <p:txBody>
          <a:bodyPr anchor="t"/>
          <a:lstStyle>
            <a:lvl1pPr marL="0" indent="0">
              <a:buNone/>
              <a:defRPr sz="2400"/>
            </a:lvl1pPr>
            <a:lvl2pPr marL="342900" indent="0">
              <a:buNone/>
              <a:defRPr sz="2100"/>
            </a:lvl2pPr>
            <a:lvl3pPr marL="685800" indent="0">
              <a:buNone/>
              <a:defRPr sz="1800"/>
            </a:lvl3pPr>
            <a:lvl4pPr marL="1028700" indent="0">
              <a:buNone/>
              <a:defRPr sz="1500"/>
            </a:lvl4pPr>
            <a:lvl5pPr marL="1371600" indent="0">
              <a:buNone/>
              <a:defRPr sz="1500"/>
            </a:lvl5pPr>
            <a:lvl6pPr marL="1714500" indent="0">
              <a:buNone/>
              <a:defRPr sz="1500"/>
            </a:lvl6pPr>
            <a:lvl7pPr marL="2057400" indent="0">
              <a:buNone/>
              <a:defRPr sz="1500"/>
            </a:lvl7pPr>
            <a:lvl8pPr marL="2400300" indent="0">
              <a:buNone/>
              <a:defRPr sz="1500"/>
            </a:lvl8pPr>
            <a:lvl9pPr marL="2743200" indent="0">
              <a:buNone/>
              <a:defRPr sz="1500"/>
            </a:lvl9pPr>
          </a:lstStyle>
          <a:p>
            <a:r>
              <a:rPr lang="en-US" smtClean="0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72381" y="1543050"/>
            <a:ext cx="2211884" cy="2858691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08CC09F5-7FB9-4625-B610-85C12CB15664}" type="datetimeFigureOut">
              <a:rPr lang="en-GB" smtClean="0"/>
              <a:t>5/19/15</a:t>
            </a:fld>
            <a:endParaRPr lang="en-GB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/>
          <a:lstStyle/>
          <a:p>
            <a:endParaRPr lang="en-GB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/>
          <a:lstStyle/>
          <a:p>
            <a:fld id="{DCD341DD-A41C-4F80-A14A-20F946813D12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51683615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1" Type="http://schemas.openxmlformats.org/officeDocument/2006/relationships/slideLayout" Target="../slideLayouts/slideLayout11.xml"/><Relationship Id="rId12" Type="http://schemas.openxmlformats.org/officeDocument/2006/relationships/theme" Target="../theme/theme1.xml"/><Relationship Id="rId13" Type="http://schemas.openxmlformats.org/officeDocument/2006/relationships/image" Target="../media/image1.png"/><Relationship Id="rId1" Type="http://schemas.openxmlformats.org/officeDocument/2006/relationships/slideLayout" Target="../slideLayouts/slideLayout1.xml"/><Relationship Id="rId2" Type="http://schemas.openxmlformats.org/officeDocument/2006/relationships/slideLayout" Target="../slideLayouts/slideLayout2.xml"/><Relationship Id="rId3" Type="http://schemas.openxmlformats.org/officeDocument/2006/relationships/slideLayout" Target="../slideLayouts/slideLayout3.xml"/><Relationship Id="rId4" Type="http://schemas.openxmlformats.org/officeDocument/2006/relationships/slideLayout" Target="../slideLayouts/slideLayout4.xml"/><Relationship Id="rId5" Type="http://schemas.openxmlformats.org/officeDocument/2006/relationships/slideLayout" Target="../slideLayouts/slideLayout5.xml"/><Relationship Id="rId6" Type="http://schemas.openxmlformats.org/officeDocument/2006/relationships/slideLayout" Target="../slideLayouts/slideLayout6.xml"/><Relationship Id="rId7" Type="http://schemas.openxmlformats.org/officeDocument/2006/relationships/slideLayout" Target="../slideLayouts/slideLayout7.xml"/><Relationship Id="rId8" Type="http://schemas.openxmlformats.org/officeDocument/2006/relationships/slideLayout" Target="../slideLayouts/slideLayout8.xml"/><Relationship Id="rId9" Type="http://schemas.openxmlformats.org/officeDocument/2006/relationships/slideLayout" Target="../slideLayouts/slideLayout9.xml"/><Relationship Id="rId10" Type="http://schemas.openxmlformats.org/officeDocument/2006/relationships/slideLayout" Target="../slideLayouts/slideLayout10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gradFill flip="none" rotWithShape="1">
          <a:gsLst>
            <a:gs pos="0">
              <a:schemeClr val="accent5">
                <a:lumMod val="5000"/>
                <a:lumOff val="95000"/>
              </a:schemeClr>
            </a:gs>
            <a:gs pos="74000">
              <a:schemeClr val="accent5">
                <a:lumMod val="45000"/>
                <a:lumOff val="55000"/>
              </a:schemeClr>
            </a:gs>
            <a:gs pos="83000">
              <a:schemeClr val="accent5">
                <a:lumMod val="45000"/>
                <a:lumOff val="55000"/>
              </a:schemeClr>
            </a:gs>
            <a:gs pos="100000">
              <a:schemeClr val="accent5">
                <a:lumMod val="30000"/>
                <a:lumOff val="70000"/>
              </a:schemeClr>
            </a:gs>
          </a:gsLst>
          <a:lin ang="54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71488" y="273845"/>
            <a:ext cx="5915025" cy="99417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71488" y="1369218"/>
            <a:ext cx="5915025" cy="3698327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8" name="TextBox 7"/>
          <p:cNvSpPr txBox="1"/>
          <p:nvPr userDrawn="1"/>
        </p:nvSpPr>
        <p:spPr>
          <a:xfrm>
            <a:off x="5932503" y="1021663"/>
            <a:ext cx="697596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ctr"/>
            <a:r>
              <a:rPr lang="en-GB" sz="1200" dirty="0" smtClean="0">
                <a:solidFill>
                  <a:schemeClr val="tx1"/>
                </a:solidFill>
              </a:rPr>
              <a:t>@1248_io</a:t>
            </a:r>
            <a:endParaRPr lang="en-GB" sz="1200" dirty="0">
              <a:solidFill>
                <a:schemeClr val="tx1"/>
              </a:solidFill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78093" y="181404"/>
            <a:ext cx="825172" cy="82517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195512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5" r:id="rId1"/>
    <p:sldLayoutId id="2147483686" r:id="rId2"/>
    <p:sldLayoutId id="2147483687" r:id="rId3"/>
    <p:sldLayoutId id="2147483688" r:id="rId4"/>
    <p:sldLayoutId id="2147483689" r:id="rId5"/>
    <p:sldLayoutId id="2147483690" r:id="rId6"/>
    <p:sldLayoutId id="2147483691" r:id="rId7"/>
    <p:sldLayoutId id="2147483692" r:id="rId8"/>
    <p:sldLayoutId id="2147483693" r:id="rId9"/>
    <p:sldLayoutId id="2147483694" r:id="rId10"/>
    <p:sldLayoutId id="2147483695" r:id="rId11"/>
  </p:sldLayoutIdLst>
  <p:txStyles>
    <p:titleStyle>
      <a:lvl1pPr algn="l" defTabSz="685800" rtl="0" eaLnBrk="1" latinLnBrk="0" hangingPunct="1">
        <a:lnSpc>
          <a:spcPct val="90000"/>
        </a:lnSpc>
        <a:spcBef>
          <a:spcPct val="0"/>
        </a:spcBef>
        <a:buNone/>
        <a:defRPr sz="33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1450" indent="-171450" algn="l" defTabSz="685800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1pPr>
      <a:lvl2pPr marL="5143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8572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3pPr>
      <a:lvl4pPr marL="12001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5430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8859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2288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5717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9146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9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8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7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5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4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3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2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tags" Target="../tags/tag1.xml"/><Relationship Id="rId2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tags" Target="../tags/tag4.xml"/><Relationship Id="rId2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4" Type="http://schemas.openxmlformats.org/officeDocument/2006/relationships/image" Target="../media/image2.jpeg"/><Relationship Id="rId5" Type="http://schemas.openxmlformats.org/officeDocument/2006/relationships/image" Target="../media/image3.png"/><Relationship Id="rId6" Type="http://schemas.openxmlformats.org/officeDocument/2006/relationships/image" Target="../media/image4.png"/><Relationship Id="rId7" Type="http://schemas.openxmlformats.org/officeDocument/2006/relationships/image" Target="../media/image5.png"/><Relationship Id="rId8" Type="http://schemas.openxmlformats.org/officeDocument/2006/relationships/image" Target="../media/image6.png"/><Relationship Id="rId1" Type="http://schemas.openxmlformats.org/officeDocument/2006/relationships/tags" Target="../tags/tag2.xml"/><Relationship Id="rId2" Type="http://schemas.openxmlformats.org/officeDocument/2006/relationships/tags" Target="../tags/tag3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Relationship Id="rId2" Type="http://schemas.openxmlformats.org/officeDocument/2006/relationships/image" Target="../media/image1.png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Relationship Id="rId2" Type="http://schemas.openxmlformats.org/officeDocument/2006/relationships/notesSlide" Target="../notesSlides/notesSlide1.xml"/><Relationship Id="rId3" Type="http://schemas.openxmlformats.org/officeDocument/2006/relationships/image" Target="../media/image1.png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6"/>
          <p:cNvSpPr>
            <a:spLocks noGrp="1"/>
          </p:cNvSpPr>
          <p:nvPr>
            <p:ph type="ctrTitle"/>
          </p:nvPr>
        </p:nvSpPr>
        <p:spPr>
          <a:xfrm>
            <a:off x="290086" y="1072055"/>
            <a:ext cx="6567914" cy="3986962"/>
          </a:xfrm>
        </p:spPr>
        <p:txBody>
          <a:bodyPr anchor="t" anchorCtr="0">
            <a:normAutofit/>
          </a:bodyPr>
          <a:lstStyle/>
          <a:p>
            <a:pPr algn="l"/>
            <a:r>
              <a:rPr lang="en-GB" sz="5400" dirty="0"/>
              <a:t>Getting to Simple</a:t>
            </a:r>
            <a:br>
              <a:rPr lang="en-GB" sz="5400" dirty="0"/>
            </a:br>
            <a:r>
              <a:rPr lang="en-GB" sz="4400" dirty="0"/>
              <a:t>Deploying IoT at scale</a:t>
            </a:r>
            <a:r>
              <a:rPr lang="en-GB" sz="4400" dirty="0" smtClean="0"/>
              <a:t/>
            </a:r>
            <a:br>
              <a:rPr lang="en-GB" sz="4400" dirty="0" smtClean="0"/>
            </a:br>
            <a:r>
              <a:rPr lang="en-GB" sz="2400" dirty="0"/>
              <a:t/>
            </a:r>
            <a:br>
              <a:rPr lang="en-GB" sz="2400" dirty="0"/>
            </a:br>
            <a:r>
              <a:rPr lang="en-GB" sz="2400" dirty="0"/>
              <a:t>Pilgrim Beart FIET</a:t>
            </a:r>
            <a:br>
              <a:rPr lang="en-GB" sz="2400" dirty="0"/>
            </a:br>
            <a:r>
              <a:rPr lang="en-GB" sz="2400" dirty="0"/>
              <a:t/>
            </a:r>
            <a:br>
              <a:rPr lang="en-GB" sz="2400" dirty="0"/>
            </a:br>
            <a:r>
              <a:rPr lang="en-GB" sz="1400" b="1" dirty="0"/>
              <a:t>Founder</a:t>
            </a:r>
            <a:br>
              <a:rPr lang="en-GB" sz="1400" b="1" dirty="0"/>
            </a:br>
            <a:r>
              <a:rPr lang="en-GB" sz="1400" dirty="0"/>
              <a:t>1248</a:t>
            </a:r>
            <a:br>
              <a:rPr lang="en-GB" sz="1400" dirty="0"/>
            </a:br>
            <a:r>
              <a:rPr lang="en-GB" sz="1400" dirty="0"/>
              <a:t>AlertMe</a:t>
            </a:r>
            <a:br>
              <a:rPr lang="en-GB" sz="1400" dirty="0"/>
            </a:br>
            <a:r>
              <a:rPr lang="en-GB" sz="1400" dirty="0" err="1"/>
              <a:t>Splashpower</a:t>
            </a:r>
            <a:r>
              <a:rPr lang="en-GB" sz="1400" dirty="0"/>
              <a:t/>
            </a:r>
            <a:br>
              <a:rPr lang="en-GB" sz="1400" dirty="0"/>
            </a:br>
            <a:r>
              <a:rPr lang="en-GB" sz="1400" dirty="0" err="1"/>
              <a:t>antenova</a:t>
            </a:r>
            <a:r>
              <a:rPr lang="en-GB" sz="1400" dirty="0"/>
              <a:t/>
            </a:r>
            <a:br>
              <a:rPr lang="en-GB" sz="1400" dirty="0"/>
            </a:br>
            <a:r>
              <a:rPr lang="en-GB" sz="1400" dirty="0" err="1"/>
              <a:t>activeRF</a:t>
            </a:r>
            <a:endParaRPr lang="en-GB" sz="16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89293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45" name="Straight Connector 44"/>
          <p:cNvCxnSpPr/>
          <p:nvPr/>
        </p:nvCxnSpPr>
        <p:spPr>
          <a:xfrm>
            <a:off x="4600178" y="1933211"/>
            <a:ext cx="0" cy="1018657"/>
          </a:xfrm>
          <a:prstGeom prst="line">
            <a:avLst/>
          </a:prstGeom>
          <a:solidFill>
            <a:schemeClr val="bg1">
              <a:lumMod val="75000"/>
            </a:schemeClr>
          </a:solidFill>
          <a:ln w="57150">
            <a:solidFill>
              <a:schemeClr val="bg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6" name="Straight Connector 45"/>
          <p:cNvCxnSpPr/>
          <p:nvPr/>
        </p:nvCxnSpPr>
        <p:spPr>
          <a:xfrm>
            <a:off x="5283658" y="1933211"/>
            <a:ext cx="0" cy="1018657"/>
          </a:xfrm>
          <a:prstGeom prst="line">
            <a:avLst/>
          </a:prstGeom>
          <a:solidFill>
            <a:schemeClr val="bg1">
              <a:lumMod val="75000"/>
            </a:schemeClr>
          </a:solidFill>
          <a:ln w="57150">
            <a:solidFill>
              <a:schemeClr val="bg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smtClean="0"/>
              <a:t>Where does the “App” run?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GB" sz="2200" dirty="0" smtClean="0"/>
              <a:t>Latency</a:t>
            </a:r>
            <a:r>
              <a:rPr lang="en-GB" sz="2200" dirty="0"/>
              <a:t>, </a:t>
            </a:r>
            <a:r>
              <a:rPr lang="en-GB" sz="2200" dirty="0" smtClean="0"/>
              <a:t>reliability, consistency</a:t>
            </a:r>
            <a:endParaRPr lang="en-GB" sz="2200" dirty="0"/>
          </a:p>
          <a:p>
            <a:pPr lvl="1"/>
            <a:r>
              <a:rPr lang="en-GB" sz="1850" dirty="0" smtClean="0"/>
              <a:t>e.g</a:t>
            </a:r>
            <a:r>
              <a:rPr lang="en-GB" sz="1850" dirty="0"/>
              <a:t>. </a:t>
            </a:r>
            <a:r>
              <a:rPr lang="en-GB" sz="1850" dirty="0" smtClean="0"/>
              <a:t>IHD, Phone, Web</a:t>
            </a:r>
            <a:endParaRPr lang="en-GB" sz="1850" dirty="0"/>
          </a:p>
          <a:p>
            <a:r>
              <a:rPr lang="en-GB" sz="2200" dirty="0"/>
              <a:t>Scalability (</a:t>
            </a:r>
            <a:r>
              <a:rPr lang="en-GB" sz="2200" dirty="0" smtClean="0"/>
              <a:t>local/cloud)</a:t>
            </a:r>
          </a:p>
          <a:p>
            <a:r>
              <a:rPr lang="en-GB" sz="2200" dirty="0" smtClean="0"/>
              <a:t>“Fog”?</a:t>
            </a:r>
            <a:endParaRPr lang="en-GB" sz="2200" dirty="0"/>
          </a:p>
          <a:p>
            <a:endParaRPr lang="en-GB" dirty="0"/>
          </a:p>
        </p:txBody>
      </p:sp>
      <p:cxnSp>
        <p:nvCxnSpPr>
          <p:cNvPr id="7" name="Straight Connector 6"/>
          <p:cNvCxnSpPr/>
          <p:nvPr/>
        </p:nvCxnSpPr>
        <p:spPr>
          <a:xfrm>
            <a:off x="4946310" y="1933211"/>
            <a:ext cx="0" cy="1018657"/>
          </a:xfrm>
          <a:prstGeom prst="line">
            <a:avLst/>
          </a:prstGeom>
          <a:solidFill>
            <a:schemeClr val="bg1">
              <a:lumMod val="75000"/>
            </a:schemeClr>
          </a:solidFill>
          <a:ln w="57150">
            <a:solidFill>
              <a:schemeClr val="bg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4" name="Group 3"/>
          <p:cNvGrpSpPr/>
          <p:nvPr/>
        </p:nvGrpSpPr>
        <p:grpSpPr>
          <a:xfrm>
            <a:off x="4792550" y="1616482"/>
            <a:ext cx="299610" cy="513616"/>
            <a:chOff x="4984878" y="1513764"/>
            <a:chExt cx="419447" cy="719052"/>
          </a:xfrm>
        </p:grpSpPr>
        <p:sp>
          <p:nvSpPr>
            <p:cNvPr id="8" name="Rounded Rectangle 7"/>
            <p:cNvSpPr/>
            <p:nvPr/>
          </p:nvSpPr>
          <p:spPr>
            <a:xfrm>
              <a:off x="4984878" y="1513764"/>
              <a:ext cx="419447" cy="719052"/>
            </a:xfrm>
            <a:prstGeom prst="roundRect">
              <a:avLst/>
            </a:prstGeom>
            <a:solidFill>
              <a:schemeClr val="bg1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  <p:sp>
          <p:nvSpPr>
            <p:cNvPr id="9" name="Rounded Rectangle 8"/>
            <p:cNvSpPr/>
            <p:nvPr/>
          </p:nvSpPr>
          <p:spPr>
            <a:xfrm>
              <a:off x="5044799" y="1573685"/>
              <a:ext cx="299605" cy="539289"/>
            </a:xfrm>
            <a:prstGeom prst="roundRect">
              <a:avLst/>
            </a:prstGeom>
            <a:solidFill>
              <a:schemeClr val="bg1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  <p:sp>
          <p:nvSpPr>
            <p:cNvPr id="10" name="Oval 9"/>
            <p:cNvSpPr/>
            <p:nvPr/>
          </p:nvSpPr>
          <p:spPr>
            <a:xfrm>
              <a:off x="5164641" y="2142935"/>
              <a:ext cx="59921" cy="59921"/>
            </a:xfrm>
            <a:prstGeom prst="ellipse">
              <a:avLst/>
            </a:prstGeom>
            <a:solidFill>
              <a:schemeClr val="bg1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</p:grpSp>
      <p:grpSp>
        <p:nvGrpSpPr>
          <p:cNvPr id="13" name="Group 12"/>
          <p:cNvGrpSpPr/>
          <p:nvPr/>
        </p:nvGrpSpPr>
        <p:grpSpPr>
          <a:xfrm>
            <a:off x="4492948" y="2592341"/>
            <a:ext cx="958737" cy="1318262"/>
            <a:chOff x="2667000" y="3200400"/>
            <a:chExt cx="1219200" cy="1676400"/>
          </a:xfrm>
          <a:solidFill>
            <a:schemeClr val="bg1">
              <a:lumMod val="75000"/>
            </a:schemeClr>
          </a:solidFill>
        </p:grpSpPr>
        <p:cxnSp>
          <p:nvCxnSpPr>
            <p:cNvPr id="14" name="Straight Connector 13"/>
            <p:cNvCxnSpPr/>
            <p:nvPr/>
          </p:nvCxnSpPr>
          <p:spPr>
            <a:xfrm>
              <a:off x="3243530" y="3581400"/>
              <a:ext cx="0" cy="1295400"/>
            </a:xfrm>
            <a:prstGeom prst="line">
              <a:avLst/>
            </a:prstGeom>
            <a:grpFill/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5" name="Cloud 14"/>
            <p:cNvSpPr/>
            <p:nvPr/>
          </p:nvSpPr>
          <p:spPr>
            <a:xfrm>
              <a:off x="2667000" y="3200400"/>
              <a:ext cx="1219200" cy="914400"/>
            </a:xfrm>
            <a:prstGeom prst="cloud">
              <a:avLst/>
            </a:prstGeom>
            <a:grpFill/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  <p:sp>
          <p:nvSpPr>
            <p:cNvPr id="16" name="Can 15"/>
            <p:cNvSpPr/>
            <p:nvPr/>
          </p:nvSpPr>
          <p:spPr>
            <a:xfrm>
              <a:off x="2841345" y="3372155"/>
              <a:ext cx="381000" cy="506730"/>
            </a:xfrm>
            <a:prstGeom prst="can">
              <a:avLst>
                <a:gd name="adj" fmla="val 52692"/>
              </a:avLst>
            </a:prstGeom>
            <a:grpFill/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  <p:grpSp>
          <p:nvGrpSpPr>
            <p:cNvPr id="17" name="Group 16"/>
            <p:cNvGrpSpPr/>
            <p:nvPr/>
          </p:nvGrpSpPr>
          <p:grpSpPr>
            <a:xfrm>
              <a:off x="3298545" y="3497885"/>
              <a:ext cx="457200" cy="304800"/>
              <a:chOff x="3048000" y="3048000"/>
              <a:chExt cx="457200" cy="304800"/>
            </a:xfrm>
            <a:grpFill/>
          </p:grpSpPr>
          <p:sp>
            <p:nvSpPr>
              <p:cNvPr id="18" name="Rectangle 17"/>
              <p:cNvSpPr/>
              <p:nvPr/>
            </p:nvSpPr>
            <p:spPr>
              <a:xfrm>
                <a:off x="3048000" y="3048000"/>
                <a:ext cx="457200" cy="304800"/>
              </a:xfrm>
              <a:prstGeom prst="rect">
                <a:avLst/>
              </a:prstGeom>
              <a:grpFill/>
              <a:ln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600"/>
              </a:p>
            </p:txBody>
          </p:sp>
          <p:cxnSp>
            <p:nvCxnSpPr>
              <p:cNvPr id="19" name="Straight Connector 18"/>
              <p:cNvCxnSpPr/>
              <p:nvPr/>
            </p:nvCxnSpPr>
            <p:spPr>
              <a:xfrm flipV="1">
                <a:off x="3098006" y="3200400"/>
                <a:ext cx="102394" cy="102394"/>
              </a:xfrm>
              <a:prstGeom prst="line">
                <a:avLst/>
              </a:prstGeom>
              <a:grpFill/>
              <a:ln w="38100" cap="rnd">
                <a:solidFill>
                  <a:schemeClr val="bg1"/>
                </a:solidFill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20" name="Straight Connector 19"/>
              <p:cNvCxnSpPr/>
              <p:nvPr/>
            </p:nvCxnSpPr>
            <p:spPr>
              <a:xfrm>
                <a:off x="3200400" y="3200400"/>
                <a:ext cx="80387" cy="80387"/>
              </a:xfrm>
              <a:prstGeom prst="line">
                <a:avLst/>
              </a:prstGeom>
              <a:grpFill/>
              <a:ln w="38100" cap="rnd">
                <a:solidFill>
                  <a:schemeClr val="bg1"/>
                </a:solidFill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21" name="Straight Connector 20"/>
              <p:cNvCxnSpPr/>
              <p:nvPr/>
            </p:nvCxnSpPr>
            <p:spPr>
              <a:xfrm flipV="1">
                <a:off x="3283744" y="3074193"/>
                <a:ext cx="200915" cy="204788"/>
              </a:xfrm>
              <a:prstGeom prst="line">
                <a:avLst/>
              </a:prstGeom>
              <a:grpFill/>
              <a:ln w="38100" cap="rnd">
                <a:solidFill>
                  <a:schemeClr val="bg1"/>
                </a:solidFill>
                <a:headEnd type="none" w="med" len="med"/>
                <a:tailEnd type="triangle" w="med" len="med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</p:grpSp>
      <p:grpSp>
        <p:nvGrpSpPr>
          <p:cNvPr id="24" name="Group 23"/>
          <p:cNvGrpSpPr/>
          <p:nvPr/>
        </p:nvGrpSpPr>
        <p:grpSpPr>
          <a:xfrm>
            <a:off x="4453377" y="3611001"/>
            <a:ext cx="1010744" cy="1165635"/>
            <a:chOff x="2616679" y="4495800"/>
            <a:chExt cx="1285336" cy="1482306"/>
          </a:xfrm>
          <a:solidFill>
            <a:schemeClr val="bg1">
              <a:lumMod val="75000"/>
            </a:schemeClr>
          </a:solidFill>
        </p:grpSpPr>
        <p:cxnSp>
          <p:nvCxnSpPr>
            <p:cNvPr id="25" name="Straight Connector 24"/>
            <p:cNvCxnSpPr>
              <a:stCxn id="28" idx="2"/>
            </p:cNvCxnSpPr>
            <p:nvPr/>
          </p:nvCxnSpPr>
          <p:spPr>
            <a:xfrm flipH="1">
              <a:off x="2616679" y="5105400"/>
              <a:ext cx="635477" cy="820947"/>
            </a:xfrm>
            <a:prstGeom prst="line">
              <a:avLst/>
            </a:prstGeom>
            <a:grpFill/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" name="Straight Connector 25"/>
            <p:cNvCxnSpPr>
              <a:stCxn id="28" idx="2"/>
            </p:cNvCxnSpPr>
            <p:nvPr/>
          </p:nvCxnSpPr>
          <p:spPr>
            <a:xfrm flipH="1">
              <a:off x="3238500" y="5105400"/>
              <a:ext cx="13656" cy="609595"/>
            </a:xfrm>
            <a:prstGeom prst="line">
              <a:avLst/>
            </a:prstGeom>
            <a:grpFill/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7" name="Straight Connector 26"/>
            <p:cNvCxnSpPr>
              <a:stCxn id="28" idx="2"/>
            </p:cNvCxnSpPr>
            <p:nvPr/>
          </p:nvCxnSpPr>
          <p:spPr>
            <a:xfrm>
              <a:off x="3252156" y="5105400"/>
              <a:ext cx="649859" cy="872706"/>
            </a:xfrm>
            <a:prstGeom prst="line">
              <a:avLst/>
            </a:prstGeom>
            <a:grpFill/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8" name="Rectangle 27"/>
            <p:cNvSpPr/>
            <p:nvPr/>
          </p:nvSpPr>
          <p:spPr>
            <a:xfrm>
              <a:off x="2947356" y="4495800"/>
              <a:ext cx="609600" cy="609600"/>
            </a:xfrm>
            <a:prstGeom prst="rect">
              <a:avLst/>
            </a:prstGeom>
            <a:grpFill/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</p:grpSp>
      <p:sp>
        <p:nvSpPr>
          <p:cNvPr id="29" name="Oval 28"/>
          <p:cNvSpPr/>
          <p:nvPr/>
        </p:nvSpPr>
        <p:spPr>
          <a:xfrm>
            <a:off x="4253264" y="4569734"/>
            <a:ext cx="359526" cy="359526"/>
          </a:xfrm>
          <a:prstGeom prst="ellipse">
            <a:avLst/>
          </a:prstGeom>
          <a:solidFill>
            <a:schemeClr val="bg1">
              <a:lumMod val="75000"/>
            </a:schemeClr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sz="2400"/>
          </a:p>
        </p:txBody>
      </p:sp>
      <p:sp>
        <p:nvSpPr>
          <p:cNvPr id="30" name="Isosceles Triangle 29"/>
          <p:cNvSpPr/>
          <p:nvPr/>
        </p:nvSpPr>
        <p:spPr>
          <a:xfrm>
            <a:off x="5271922" y="4569734"/>
            <a:ext cx="359526" cy="323574"/>
          </a:xfrm>
          <a:prstGeom prst="triangle">
            <a:avLst/>
          </a:prstGeom>
          <a:solidFill>
            <a:schemeClr val="bg1">
              <a:lumMod val="75000"/>
            </a:schemeClr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31" name="Rectangle 30"/>
          <p:cNvSpPr/>
          <p:nvPr/>
        </p:nvSpPr>
        <p:spPr>
          <a:xfrm>
            <a:off x="4792554" y="4569735"/>
            <a:ext cx="299605" cy="299605"/>
          </a:xfrm>
          <a:prstGeom prst="rect">
            <a:avLst/>
          </a:prstGeom>
          <a:solidFill>
            <a:schemeClr val="bg1">
              <a:lumMod val="75000"/>
            </a:schemeClr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sz="2400"/>
          </a:p>
        </p:txBody>
      </p:sp>
      <p:sp>
        <p:nvSpPr>
          <p:cNvPr id="33" name="TextBox 32"/>
          <p:cNvSpPr txBox="1"/>
          <p:nvPr/>
        </p:nvSpPr>
        <p:spPr>
          <a:xfrm>
            <a:off x="5624661" y="2817097"/>
            <a:ext cx="663964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600" dirty="0" smtClean="0">
                <a:solidFill>
                  <a:schemeClr val="bg1">
                    <a:lumMod val="65000"/>
                  </a:schemeClr>
                </a:solidFill>
              </a:rPr>
              <a:t>Cloud</a:t>
            </a:r>
            <a:endParaRPr lang="en-GB" sz="1100" dirty="0">
              <a:solidFill>
                <a:schemeClr val="bg1">
                  <a:lumMod val="65000"/>
                </a:schemeClr>
              </a:solidFill>
            </a:endParaRPr>
          </a:p>
        </p:txBody>
      </p:sp>
      <p:sp>
        <p:nvSpPr>
          <p:cNvPr id="34" name="TextBox 33"/>
          <p:cNvSpPr txBox="1"/>
          <p:nvPr/>
        </p:nvSpPr>
        <p:spPr>
          <a:xfrm>
            <a:off x="5624661" y="3681409"/>
            <a:ext cx="1116011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600" dirty="0" smtClean="0">
                <a:solidFill>
                  <a:schemeClr val="bg1">
                    <a:lumMod val="65000"/>
                  </a:schemeClr>
                </a:solidFill>
              </a:rPr>
              <a:t>Gateway(s)</a:t>
            </a:r>
            <a:endParaRPr lang="en-GB" sz="1100" dirty="0">
              <a:solidFill>
                <a:schemeClr val="bg1">
                  <a:lumMod val="65000"/>
                </a:schemeClr>
              </a:solidFill>
            </a:endParaRPr>
          </a:p>
        </p:txBody>
      </p:sp>
      <p:sp>
        <p:nvSpPr>
          <p:cNvPr id="35" name="TextBox 34"/>
          <p:cNvSpPr txBox="1"/>
          <p:nvPr/>
        </p:nvSpPr>
        <p:spPr>
          <a:xfrm>
            <a:off x="5624661" y="4582704"/>
            <a:ext cx="946669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600" dirty="0" smtClean="0">
                <a:solidFill>
                  <a:schemeClr val="bg1">
                    <a:lumMod val="65000"/>
                  </a:schemeClr>
                </a:solidFill>
              </a:rPr>
              <a:t>Device(s)</a:t>
            </a:r>
            <a:endParaRPr lang="en-GB" sz="1100" dirty="0">
              <a:solidFill>
                <a:schemeClr val="bg1">
                  <a:lumMod val="65000"/>
                </a:schemeClr>
              </a:solidFill>
            </a:endParaRPr>
          </a:p>
        </p:txBody>
      </p:sp>
      <p:sp>
        <p:nvSpPr>
          <p:cNvPr id="36" name="TextBox 35"/>
          <p:cNvSpPr txBox="1"/>
          <p:nvPr/>
        </p:nvSpPr>
        <p:spPr>
          <a:xfrm>
            <a:off x="5624661" y="1705108"/>
            <a:ext cx="868828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600" dirty="0" smtClean="0">
                <a:solidFill>
                  <a:schemeClr val="bg1">
                    <a:lumMod val="65000"/>
                  </a:schemeClr>
                </a:solidFill>
              </a:rPr>
              <a:t>Client(s)</a:t>
            </a:r>
            <a:endParaRPr lang="en-GB" sz="1100" dirty="0">
              <a:solidFill>
                <a:schemeClr val="bg1">
                  <a:lumMod val="65000"/>
                </a:schemeClr>
              </a:solidFill>
            </a:endParaRPr>
          </a:p>
        </p:txBody>
      </p:sp>
      <p:grpSp>
        <p:nvGrpSpPr>
          <p:cNvPr id="37" name="Group 36"/>
          <p:cNvGrpSpPr/>
          <p:nvPr/>
        </p:nvGrpSpPr>
        <p:grpSpPr>
          <a:xfrm>
            <a:off x="4454910" y="1616482"/>
            <a:ext cx="299610" cy="513616"/>
            <a:chOff x="4984878" y="1513764"/>
            <a:chExt cx="419447" cy="719052"/>
          </a:xfrm>
        </p:grpSpPr>
        <p:sp>
          <p:nvSpPr>
            <p:cNvPr id="38" name="Rounded Rectangle 37"/>
            <p:cNvSpPr/>
            <p:nvPr/>
          </p:nvSpPr>
          <p:spPr>
            <a:xfrm>
              <a:off x="4984878" y="1513764"/>
              <a:ext cx="419447" cy="719052"/>
            </a:xfrm>
            <a:prstGeom prst="roundRect">
              <a:avLst/>
            </a:prstGeom>
            <a:solidFill>
              <a:schemeClr val="bg1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  <p:sp>
          <p:nvSpPr>
            <p:cNvPr id="39" name="Rounded Rectangle 38"/>
            <p:cNvSpPr/>
            <p:nvPr/>
          </p:nvSpPr>
          <p:spPr>
            <a:xfrm>
              <a:off x="5044799" y="1573685"/>
              <a:ext cx="299605" cy="539289"/>
            </a:xfrm>
            <a:prstGeom prst="roundRect">
              <a:avLst/>
            </a:prstGeom>
            <a:solidFill>
              <a:schemeClr val="bg1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  <p:sp>
          <p:nvSpPr>
            <p:cNvPr id="40" name="Oval 39"/>
            <p:cNvSpPr/>
            <p:nvPr/>
          </p:nvSpPr>
          <p:spPr>
            <a:xfrm>
              <a:off x="5164641" y="2142935"/>
              <a:ext cx="59921" cy="59921"/>
            </a:xfrm>
            <a:prstGeom prst="ellipse">
              <a:avLst/>
            </a:prstGeom>
            <a:solidFill>
              <a:schemeClr val="bg1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</p:grpSp>
      <p:grpSp>
        <p:nvGrpSpPr>
          <p:cNvPr id="41" name="Group 40"/>
          <p:cNvGrpSpPr/>
          <p:nvPr/>
        </p:nvGrpSpPr>
        <p:grpSpPr>
          <a:xfrm>
            <a:off x="5133854" y="1616482"/>
            <a:ext cx="299610" cy="513616"/>
            <a:chOff x="4984878" y="1513764"/>
            <a:chExt cx="419447" cy="719052"/>
          </a:xfrm>
        </p:grpSpPr>
        <p:sp>
          <p:nvSpPr>
            <p:cNvPr id="42" name="Rounded Rectangle 41"/>
            <p:cNvSpPr/>
            <p:nvPr/>
          </p:nvSpPr>
          <p:spPr>
            <a:xfrm>
              <a:off x="4984878" y="1513764"/>
              <a:ext cx="419447" cy="719052"/>
            </a:xfrm>
            <a:prstGeom prst="roundRect">
              <a:avLst/>
            </a:prstGeom>
            <a:solidFill>
              <a:schemeClr val="bg1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  <p:sp>
          <p:nvSpPr>
            <p:cNvPr id="43" name="Rounded Rectangle 42"/>
            <p:cNvSpPr/>
            <p:nvPr/>
          </p:nvSpPr>
          <p:spPr>
            <a:xfrm>
              <a:off x="5044799" y="1573685"/>
              <a:ext cx="299605" cy="539289"/>
            </a:xfrm>
            <a:prstGeom prst="roundRect">
              <a:avLst/>
            </a:prstGeom>
            <a:solidFill>
              <a:schemeClr val="bg1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  <p:sp>
          <p:nvSpPr>
            <p:cNvPr id="44" name="Oval 43"/>
            <p:cNvSpPr/>
            <p:nvPr/>
          </p:nvSpPr>
          <p:spPr>
            <a:xfrm>
              <a:off x="5164641" y="2142935"/>
              <a:ext cx="59921" cy="59921"/>
            </a:xfrm>
            <a:prstGeom prst="ellipse">
              <a:avLst/>
            </a:prstGeom>
            <a:solidFill>
              <a:schemeClr val="bg1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600"/>
            </a:p>
          </p:txBody>
        </p:sp>
      </p:grpSp>
    </p:spTree>
    <p:extLst>
      <p:ext uri="{BB962C8B-B14F-4D97-AF65-F5344CB8AC3E}">
        <p14:creationId xmlns:p14="http://schemas.microsoft.com/office/powerpoint/2010/main" val="71594760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i="1" dirty="0" smtClean="0"/>
              <a:t>Less </a:t>
            </a:r>
            <a:r>
              <a:rPr lang="en-GB" dirty="0" smtClean="0"/>
              <a:t>eyeballs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>
            <a:normAutofit/>
          </a:bodyPr>
          <a:lstStyle/>
          <a:p>
            <a:r>
              <a:rPr lang="en-GB" sz="2200" dirty="0" smtClean="0"/>
              <a:t>In </a:t>
            </a:r>
            <a:r>
              <a:rPr lang="en-GB" sz="2200" dirty="0"/>
              <a:t>e.g. home, interact with </a:t>
            </a:r>
            <a:r>
              <a:rPr lang="en-GB" sz="2200" dirty="0" smtClean="0"/>
              <a:t>home (not device)</a:t>
            </a:r>
          </a:p>
          <a:p>
            <a:r>
              <a:rPr lang="en-GB" sz="2200" dirty="0" smtClean="0"/>
              <a:t>Avoid </a:t>
            </a:r>
            <a:r>
              <a:rPr lang="en-GB" sz="2200" dirty="0"/>
              <a:t>modal interfaces</a:t>
            </a:r>
          </a:p>
          <a:p>
            <a:r>
              <a:rPr lang="en-GB" sz="2200" dirty="0" smtClean="0"/>
              <a:t>Often, no </a:t>
            </a:r>
            <a:r>
              <a:rPr lang="en-GB" sz="2200" dirty="0"/>
              <a:t>screen at all</a:t>
            </a:r>
          </a:p>
          <a:p>
            <a:r>
              <a:rPr lang="en-GB" sz="2200" dirty="0"/>
              <a:t>User intervention as a last resort</a:t>
            </a:r>
          </a:p>
          <a:p>
            <a:pPr lvl="1"/>
            <a:r>
              <a:rPr lang="en-GB" sz="1850" dirty="0"/>
              <a:t>Actionable error messages</a:t>
            </a:r>
          </a:p>
          <a:p>
            <a:pPr lvl="1"/>
            <a:r>
              <a:rPr lang="en-GB" sz="1850" dirty="0"/>
              <a:t>No beeping!</a:t>
            </a:r>
          </a:p>
          <a:p>
            <a:pPr lvl="1"/>
            <a:r>
              <a:rPr lang="en-GB" sz="1850" dirty="0" smtClean="0"/>
              <a:t>99.99</a:t>
            </a:r>
            <a:r>
              <a:rPr lang="en-GB" sz="1850" dirty="0"/>
              <a:t>% </a:t>
            </a:r>
            <a:r>
              <a:rPr lang="en-GB" sz="1850" dirty="0" smtClean="0"/>
              <a:t>aren’t Rain </a:t>
            </a:r>
            <a:r>
              <a:rPr lang="en-GB" sz="1850" dirty="0"/>
              <a:t>Man (flash sequences etc</a:t>
            </a:r>
            <a:r>
              <a:rPr lang="en-GB" sz="1850" dirty="0" smtClean="0"/>
              <a:t>.)</a:t>
            </a:r>
          </a:p>
          <a:p>
            <a:pPr lvl="1"/>
            <a:r>
              <a:rPr lang="en-GB" sz="1850" dirty="0"/>
              <a:t>&gt;4% of your audience can’t read LEDs </a:t>
            </a:r>
            <a:r>
              <a:rPr lang="en-GB" sz="1850" dirty="0" err="1" smtClean="0"/>
              <a:t>colors</a:t>
            </a:r>
            <a:endParaRPr lang="en-GB" sz="1850" dirty="0"/>
          </a:p>
          <a:p>
            <a:pPr marL="0" indent="0">
              <a:buNone/>
            </a:pPr>
            <a:r>
              <a:rPr lang="en-GB" sz="2200" dirty="0" smtClean="0"/>
              <a:t>…behind </a:t>
            </a:r>
            <a:r>
              <a:rPr lang="en-GB" sz="2200" dirty="0"/>
              <a:t>the scenes </a:t>
            </a:r>
            <a:r>
              <a:rPr lang="en-GB" sz="2200" dirty="0" smtClean="0"/>
              <a:t>too</a:t>
            </a:r>
          </a:p>
          <a:p>
            <a:pPr lvl="1"/>
            <a:r>
              <a:rPr lang="en-GB" sz="1900" dirty="0" smtClean="0"/>
              <a:t>Beware </a:t>
            </a:r>
            <a:r>
              <a:rPr lang="en-GB" sz="1900" dirty="0"/>
              <a:t>Ops &amp; CS costs (automate mgmt</a:t>
            </a:r>
            <a:r>
              <a:rPr lang="en-GB" sz="1900" dirty="0" smtClean="0"/>
              <a:t>.)</a:t>
            </a:r>
            <a:endParaRPr lang="en-GB" sz="1900" dirty="0"/>
          </a:p>
        </p:txBody>
      </p:sp>
    </p:spTree>
    <p:extLst>
      <p:ext uri="{BB962C8B-B14F-4D97-AF65-F5344CB8AC3E}">
        <p14:creationId xmlns:p14="http://schemas.microsoft.com/office/powerpoint/2010/main" val="2511129258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err="1" smtClean="0"/>
              <a:t>Mindset</a:t>
            </a:r>
            <a:r>
              <a:rPr lang="en-GB" dirty="0" smtClean="0"/>
              <a:t> for IoT design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71488" y="1369218"/>
            <a:ext cx="5915025" cy="3835828"/>
          </a:xfrm>
        </p:spPr>
        <p:txBody>
          <a:bodyPr>
            <a:normAutofit fontScale="77500" lnSpcReduction="20000"/>
          </a:bodyPr>
          <a:lstStyle/>
          <a:p>
            <a:r>
              <a:rPr lang="en-GB" dirty="0"/>
              <a:t>Start with “User Journey”, not </a:t>
            </a:r>
            <a:r>
              <a:rPr lang="en-GB" dirty="0" smtClean="0"/>
              <a:t>tech</a:t>
            </a:r>
          </a:p>
          <a:p>
            <a:pPr lvl="1"/>
            <a:r>
              <a:rPr lang="en-GB" dirty="0" smtClean="0"/>
              <a:t>But design </a:t>
            </a:r>
            <a:r>
              <a:rPr lang="en-GB" dirty="0"/>
              <a:t>for tech </a:t>
            </a:r>
            <a:r>
              <a:rPr lang="en-GB" dirty="0" smtClean="0"/>
              <a:t>limitations (e.g. batteries)</a:t>
            </a:r>
          </a:p>
          <a:p>
            <a:pPr lvl="1"/>
            <a:r>
              <a:rPr lang="en-GB" dirty="0" smtClean="0"/>
              <a:t>Like </a:t>
            </a:r>
            <a:r>
              <a:rPr lang="en-GB" dirty="0"/>
              <a:t>Architect/Engineer relationship for </a:t>
            </a:r>
            <a:r>
              <a:rPr lang="en-GB" dirty="0" smtClean="0"/>
              <a:t>buildings</a:t>
            </a:r>
            <a:endParaRPr lang="en-GB" dirty="0"/>
          </a:p>
          <a:p>
            <a:r>
              <a:rPr lang="en-GB" dirty="0" smtClean="0"/>
              <a:t>Design is often more than just </a:t>
            </a:r>
            <a:r>
              <a:rPr lang="en-GB" dirty="0"/>
              <a:t>a </a:t>
            </a:r>
            <a:r>
              <a:rPr lang="en-GB" dirty="0" smtClean="0"/>
              <a:t>UX</a:t>
            </a:r>
          </a:p>
          <a:p>
            <a:pPr lvl="1"/>
            <a:r>
              <a:rPr lang="en-GB" dirty="0" smtClean="0"/>
              <a:t>It </a:t>
            </a:r>
            <a:r>
              <a:rPr lang="en-GB" dirty="0"/>
              <a:t>can be a business model </a:t>
            </a:r>
            <a:r>
              <a:rPr lang="en-GB" dirty="0" smtClean="0"/>
              <a:t>revolution too</a:t>
            </a:r>
            <a:r>
              <a:rPr lang="en-GB" dirty="0"/>
              <a:t> </a:t>
            </a:r>
            <a:r>
              <a:rPr lang="en-GB" dirty="0" smtClean="0"/>
              <a:t>- “</a:t>
            </a:r>
            <a:r>
              <a:rPr lang="en-GB" dirty="0" err="1" smtClean="0"/>
              <a:t>servitisation</a:t>
            </a:r>
            <a:r>
              <a:rPr lang="en-GB" dirty="0" smtClean="0"/>
              <a:t>”</a:t>
            </a:r>
            <a:endParaRPr lang="en-GB" dirty="0"/>
          </a:p>
          <a:p>
            <a:r>
              <a:rPr lang="en-GB" dirty="0"/>
              <a:t>Focus </a:t>
            </a:r>
            <a:r>
              <a:rPr lang="en-GB" dirty="0" smtClean="0"/>
              <a:t>UX </a:t>
            </a:r>
            <a:r>
              <a:rPr lang="en-GB" dirty="0"/>
              <a:t>on </a:t>
            </a:r>
            <a:r>
              <a:rPr lang="en-GB" dirty="0" smtClean="0"/>
              <a:t>Benefits:</a:t>
            </a:r>
          </a:p>
          <a:p>
            <a:pPr lvl="1"/>
            <a:r>
              <a:rPr lang="en-GB" dirty="0" smtClean="0"/>
              <a:t>Declarative </a:t>
            </a:r>
            <a:r>
              <a:rPr lang="en-GB" dirty="0"/>
              <a:t>UI (what you wish to be </a:t>
            </a:r>
            <a:r>
              <a:rPr lang="en-GB" dirty="0" smtClean="0"/>
              <a:t>true)</a:t>
            </a:r>
          </a:p>
          <a:p>
            <a:pPr lvl="2"/>
            <a:r>
              <a:rPr lang="en-GB" dirty="0" smtClean="0"/>
              <a:t>Leave </a:t>
            </a:r>
            <a:r>
              <a:rPr lang="en-GB" dirty="0"/>
              <a:t>machines to work out </a:t>
            </a:r>
            <a:r>
              <a:rPr lang="en-GB" dirty="0" smtClean="0"/>
              <a:t>how &amp; report </a:t>
            </a:r>
            <a:r>
              <a:rPr lang="en-GB" dirty="0"/>
              <a:t>how well they have achieved </a:t>
            </a:r>
            <a:r>
              <a:rPr lang="en-GB" dirty="0" smtClean="0"/>
              <a:t>it</a:t>
            </a:r>
          </a:p>
          <a:p>
            <a:pPr lvl="1"/>
            <a:r>
              <a:rPr lang="en-GB" dirty="0" smtClean="0"/>
              <a:t>e.g</a:t>
            </a:r>
            <a:r>
              <a:rPr lang="en-GB" dirty="0"/>
              <a:t>. if </a:t>
            </a:r>
            <a:r>
              <a:rPr lang="en-GB" dirty="0" smtClean="0"/>
              <a:t>primary </a:t>
            </a:r>
            <a:r>
              <a:rPr lang="en-GB" dirty="0"/>
              <a:t>reason </a:t>
            </a:r>
            <a:r>
              <a:rPr lang="en-GB" dirty="0" smtClean="0"/>
              <a:t>someone </a:t>
            </a:r>
            <a:r>
              <a:rPr lang="en-GB" dirty="0"/>
              <a:t>bought your </a:t>
            </a:r>
            <a:r>
              <a:rPr lang="en-GB" dirty="0" smtClean="0"/>
              <a:t>heating </a:t>
            </a:r>
            <a:r>
              <a:rPr lang="en-GB" dirty="0"/>
              <a:t>system is </a:t>
            </a:r>
            <a:r>
              <a:rPr lang="en-GB" dirty="0" smtClean="0"/>
              <a:t>to save money</a:t>
            </a:r>
            <a:r>
              <a:rPr lang="en-GB" dirty="0"/>
              <a:t>, then talk about money, not degrees or </a:t>
            </a:r>
            <a:r>
              <a:rPr lang="en-GB" dirty="0" smtClean="0"/>
              <a:t>kWh</a:t>
            </a:r>
            <a:endParaRPr lang="en-GB" dirty="0"/>
          </a:p>
          <a:p>
            <a:r>
              <a:rPr lang="en-GB" dirty="0" smtClean="0"/>
              <a:t>CI/CD:</a:t>
            </a:r>
          </a:p>
          <a:p>
            <a:pPr lvl="1"/>
            <a:r>
              <a:rPr lang="en-GB" dirty="0" smtClean="0"/>
              <a:t>Take </a:t>
            </a:r>
            <a:r>
              <a:rPr lang="en-GB" dirty="0"/>
              <a:t>advantage of measurability of IoT products, to evolve </a:t>
            </a:r>
            <a:r>
              <a:rPr lang="en-GB" dirty="0" smtClean="0"/>
              <a:t>&amp; co-create</a:t>
            </a:r>
            <a:endParaRPr lang="en-GB" dirty="0"/>
          </a:p>
          <a:p>
            <a:r>
              <a:rPr lang="en-GB" dirty="0"/>
              <a:t>Still an early </a:t>
            </a:r>
            <a:r>
              <a:rPr lang="en-GB" dirty="0" smtClean="0"/>
              <a:t>market</a:t>
            </a:r>
          </a:p>
          <a:p>
            <a:pPr lvl="1"/>
            <a:r>
              <a:rPr lang="en-GB" dirty="0" smtClean="0"/>
              <a:t>Don’t </a:t>
            </a:r>
            <a:r>
              <a:rPr lang="en-GB" dirty="0"/>
              <a:t>re-invent the </a:t>
            </a:r>
            <a:r>
              <a:rPr lang="en-GB" dirty="0" smtClean="0"/>
              <a:t>wheel</a:t>
            </a:r>
          </a:p>
          <a:p>
            <a:pPr lvl="1"/>
            <a:r>
              <a:rPr lang="en-GB" dirty="0" smtClean="0"/>
              <a:t>Aim </a:t>
            </a:r>
            <a:r>
              <a:rPr lang="en-GB" dirty="0"/>
              <a:t>for 5 years’ time when there’s an open ecosystem of co-operating vendors at each </a:t>
            </a:r>
            <a:r>
              <a:rPr lang="en-GB" dirty="0" smtClean="0"/>
              <a:t>laye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082006745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6"/>
          <p:cNvSpPr>
            <a:spLocks noGrp="1"/>
          </p:cNvSpPr>
          <p:nvPr>
            <p:ph type="ctrTitle"/>
          </p:nvPr>
        </p:nvSpPr>
        <p:spPr>
          <a:xfrm>
            <a:off x="290086" y="1072055"/>
            <a:ext cx="6567914" cy="3986962"/>
          </a:xfrm>
        </p:spPr>
        <p:txBody>
          <a:bodyPr anchor="t" anchorCtr="0">
            <a:normAutofit/>
          </a:bodyPr>
          <a:lstStyle/>
          <a:p>
            <a:pPr algn="l"/>
            <a:r>
              <a:rPr lang="en-GB" sz="5400" dirty="0"/>
              <a:t>Getting to Simple</a:t>
            </a:r>
            <a:br>
              <a:rPr lang="en-GB" sz="5400" dirty="0"/>
            </a:br>
            <a:r>
              <a:rPr lang="en-GB" sz="4400" dirty="0"/>
              <a:t>Deploying IoT at scale</a:t>
            </a:r>
            <a:r>
              <a:rPr lang="en-GB" sz="4400" dirty="0" smtClean="0"/>
              <a:t/>
            </a:r>
            <a:br>
              <a:rPr lang="en-GB" sz="4400" dirty="0" smtClean="0"/>
            </a:br>
            <a:r>
              <a:rPr lang="en-GB" sz="2400" dirty="0"/>
              <a:t/>
            </a:r>
            <a:br>
              <a:rPr lang="en-GB" sz="2400" dirty="0"/>
            </a:br>
            <a:r>
              <a:rPr lang="en-GB" sz="2400" dirty="0"/>
              <a:t>Pilgrim Beart FIET</a:t>
            </a:r>
            <a:br>
              <a:rPr lang="en-GB" sz="2400" dirty="0"/>
            </a:br>
            <a:r>
              <a:rPr lang="en-GB" sz="2400" dirty="0"/>
              <a:t/>
            </a:r>
            <a:br>
              <a:rPr lang="en-GB" sz="2400" dirty="0"/>
            </a:br>
            <a:r>
              <a:rPr lang="en-GB" sz="1400" b="1" dirty="0"/>
              <a:t>Founder</a:t>
            </a:r>
            <a:br>
              <a:rPr lang="en-GB" sz="1400" b="1" dirty="0"/>
            </a:br>
            <a:r>
              <a:rPr lang="en-GB" sz="1400" dirty="0"/>
              <a:t>1248</a:t>
            </a:r>
            <a:br>
              <a:rPr lang="en-GB" sz="1400" dirty="0"/>
            </a:br>
            <a:r>
              <a:rPr lang="en-GB" sz="1400" dirty="0"/>
              <a:t>AlertMe</a:t>
            </a:r>
            <a:br>
              <a:rPr lang="en-GB" sz="1400" dirty="0"/>
            </a:br>
            <a:r>
              <a:rPr lang="en-GB" sz="1400" dirty="0" err="1"/>
              <a:t>Splashpower</a:t>
            </a:r>
            <a:r>
              <a:rPr lang="en-GB" sz="1400" dirty="0"/>
              <a:t/>
            </a:r>
            <a:br>
              <a:rPr lang="en-GB" sz="1400" dirty="0"/>
            </a:br>
            <a:r>
              <a:rPr lang="en-GB" sz="1400" dirty="0" err="1"/>
              <a:t>antenova</a:t>
            </a:r>
            <a:r>
              <a:rPr lang="en-GB" sz="1400" dirty="0"/>
              <a:t/>
            </a:r>
            <a:br>
              <a:rPr lang="en-GB" sz="1400" dirty="0"/>
            </a:br>
            <a:r>
              <a:rPr lang="en-GB" sz="1400" dirty="0" err="1"/>
              <a:t>activeRF</a:t>
            </a:r>
            <a:endParaRPr lang="en-GB" sz="16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3963317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14"/>
          <p:cNvSpPr/>
          <p:nvPr/>
        </p:nvSpPr>
        <p:spPr>
          <a:xfrm>
            <a:off x="346018" y="1608079"/>
            <a:ext cx="6216414" cy="3335986"/>
          </a:xfrm>
          <a:prstGeom prst="rect">
            <a:avLst/>
          </a:prstGeom>
          <a:solidFill>
            <a:schemeClr val="bg1"/>
          </a:solidFill>
          <a:ln>
            <a:noFill/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  <a:softEdge rad="127000"/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smtClean="0"/>
              <a:t>Background</a:t>
            </a:r>
            <a:endParaRPr lang="en-GB" dirty="0"/>
          </a:p>
        </p:txBody>
      </p:sp>
      <p:grpSp>
        <p:nvGrpSpPr>
          <p:cNvPr id="5" name="Group 4"/>
          <p:cNvGrpSpPr/>
          <p:nvPr/>
        </p:nvGrpSpPr>
        <p:grpSpPr>
          <a:xfrm>
            <a:off x="826177" y="1892193"/>
            <a:ext cx="5161515" cy="2782925"/>
            <a:chOff x="214479" y="2276873"/>
            <a:chExt cx="5161515" cy="2782925"/>
          </a:xfrm>
        </p:grpSpPr>
        <p:grpSp>
          <p:nvGrpSpPr>
            <p:cNvPr id="6" name="Group 5"/>
            <p:cNvGrpSpPr/>
            <p:nvPr/>
          </p:nvGrpSpPr>
          <p:grpSpPr>
            <a:xfrm>
              <a:off x="214479" y="2276873"/>
              <a:ext cx="2387053" cy="2782925"/>
              <a:chOff x="229859" y="1844824"/>
              <a:chExt cx="2053265" cy="2462975"/>
            </a:xfrm>
          </p:grpSpPr>
          <p:pic>
            <p:nvPicPr>
              <p:cNvPr id="11" name="Picture 10"/>
              <p:cNvPicPr>
                <a:picLocks noChangeAspect="1"/>
              </p:cNvPicPr>
              <p:nvPr/>
            </p:nvPicPr>
            <p:blipFill>
              <a:blip r:embed="rId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229859" y="1844824"/>
                <a:ext cx="2053265" cy="1470735"/>
              </a:xfrm>
              <a:prstGeom prst="rect">
                <a:avLst/>
              </a:prstGeom>
            </p:spPr>
          </p:pic>
          <p:pic>
            <p:nvPicPr>
              <p:cNvPr id="12" name="Picture 11"/>
              <p:cNvPicPr>
                <a:picLocks noChangeAspect="1"/>
              </p:cNvPicPr>
              <p:nvPr/>
            </p:nvPicPr>
            <p:blipFill>
              <a:blip r:embed="rId5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486220" y="3182212"/>
                <a:ext cx="1513112" cy="1125587"/>
              </a:xfrm>
              <a:prstGeom prst="rect">
                <a:avLst/>
              </a:prstGeom>
            </p:spPr>
          </p:pic>
        </p:grpSp>
        <p:grpSp>
          <p:nvGrpSpPr>
            <p:cNvPr id="8" name="Group 7"/>
            <p:cNvGrpSpPr/>
            <p:nvPr/>
          </p:nvGrpSpPr>
          <p:grpSpPr>
            <a:xfrm>
              <a:off x="3072949" y="2419682"/>
              <a:ext cx="2303045" cy="2631387"/>
              <a:chOff x="5401734" y="1418014"/>
              <a:chExt cx="1964184" cy="2222380"/>
            </a:xfrm>
          </p:grpSpPr>
          <p:pic>
            <p:nvPicPr>
              <p:cNvPr id="9" name="Picture 8"/>
              <p:cNvPicPr>
                <a:picLocks noChangeAspect="1"/>
              </p:cNvPicPr>
              <p:nvPr/>
            </p:nvPicPr>
            <p:blipFill>
              <a:blip r:embed="rId6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5658476" y="2551562"/>
                <a:ext cx="1496350" cy="1088832"/>
              </a:xfrm>
              <a:prstGeom prst="rect">
                <a:avLst/>
              </a:prstGeom>
            </p:spPr>
          </p:pic>
          <p:pic>
            <p:nvPicPr>
              <p:cNvPr id="10" name="Picture 9"/>
              <p:cNvPicPr/>
              <p:nvPr/>
            </p:nvPicPr>
            <p:blipFill>
              <a:blip r:embed="rId7"/>
              <a:srcRect/>
              <a:stretch>
                <a:fillRect/>
              </a:stretch>
            </p:blipFill>
            <p:spPr bwMode="auto">
              <a:xfrm>
                <a:off x="5401734" y="1418014"/>
                <a:ext cx="1964184" cy="108012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</p:grpSp>
      <p:sp>
        <p:nvSpPr>
          <p:cNvPr id="13" name="TextBox 12"/>
          <p:cNvSpPr txBox="1"/>
          <p:nvPr>
            <p:custDataLst>
              <p:tags r:id="rId1"/>
            </p:custDataLst>
          </p:nvPr>
        </p:nvSpPr>
        <p:spPr bwMode="gray">
          <a:xfrm>
            <a:off x="1460692" y="1277219"/>
            <a:ext cx="1086131" cy="38472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algn="ctr">
              <a:spcBef>
                <a:spcPts val="0"/>
              </a:spcBef>
            </a:pPr>
            <a:r>
              <a:rPr lang="en-US" sz="1300" b="1" dirty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cs typeface="Arial" pitchFamily="34" charset="0"/>
              </a:rPr>
              <a:t>Energy</a:t>
            </a:r>
            <a:r>
              <a:rPr lang="en-US" sz="13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cs typeface="Arial" pitchFamily="34" charset="0"/>
              </a:rPr>
              <a:t> Controls</a:t>
            </a:r>
          </a:p>
          <a:p>
            <a:pPr algn="ctr">
              <a:spcBef>
                <a:spcPts val="0"/>
              </a:spcBef>
            </a:pPr>
            <a:r>
              <a:rPr lang="en-US" sz="1200" i="1" dirty="0" smtClean="0">
                <a:solidFill>
                  <a:schemeClr val="tx1">
                    <a:lumMod val="75000"/>
                    <a:lumOff val="25000"/>
                  </a:schemeClr>
                </a:solidFill>
                <a:cs typeface="Arial" pitchFamily="34" charset="0"/>
              </a:rPr>
              <a:t>‘Hive’ </a:t>
            </a:r>
            <a:endParaRPr lang="en-US" sz="1200" i="1" dirty="0">
              <a:solidFill>
                <a:schemeClr val="tx1">
                  <a:lumMod val="75000"/>
                  <a:lumOff val="25000"/>
                </a:schemeClr>
              </a:solidFill>
              <a:cs typeface="Arial" pitchFamily="34" charset="0"/>
            </a:endParaRPr>
          </a:p>
        </p:txBody>
      </p:sp>
      <p:sp>
        <p:nvSpPr>
          <p:cNvPr id="14" name="TextBox 13"/>
          <p:cNvSpPr txBox="1"/>
          <p:nvPr>
            <p:custDataLst>
              <p:tags r:id="rId2"/>
            </p:custDataLst>
          </p:nvPr>
        </p:nvSpPr>
        <p:spPr bwMode="gray">
          <a:xfrm>
            <a:off x="4333701" y="1277219"/>
            <a:ext cx="1285672" cy="38472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algn="ctr">
              <a:spcBef>
                <a:spcPts val="0"/>
              </a:spcBef>
            </a:pPr>
            <a:r>
              <a:rPr lang="en-US" sz="1300" b="1" dirty="0" smtClean="0">
                <a:solidFill>
                  <a:schemeClr val="tx1">
                    <a:lumMod val="75000"/>
                    <a:lumOff val="25000"/>
                  </a:schemeClr>
                </a:solidFill>
                <a:cs typeface="Arial" pitchFamily="34" charset="0"/>
              </a:rPr>
              <a:t>Home Automation</a:t>
            </a:r>
          </a:p>
          <a:p>
            <a:pPr algn="ctr">
              <a:spcBef>
                <a:spcPts val="0"/>
              </a:spcBef>
            </a:pPr>
            <a:r>
              <a:rPr lang="en-US" sz="1200" i="1" dirty="0" smtClean="0">
                <a:solidFill>
                  <a:schemeClr val="tx1">
                    <a:lumMod val="75000"/>
                    <a:lumOff val="25000"/>
                  </a:schemeClr>
                </a:solidFill>
                <a:cs typeface="Arial" pitchFamily="34" charset="0"/>
              </a:rPr>
              <a:t>‘</a:t>
            </a:r>
            <a:r>
              <a:rPr lang="en-US" sz="1200" i="1" dirty="0">
                <a:solidFill>
                  <a:schemeClr val="tx1">
                    <a:lumMod val="75000"/>
                    <a:lumOff val="25000"/>
                  </a:schemeClr>
                </a:solidFill>
                <a:cs typeface="Arial" pitchFamily="34" charset="0"/>
              </a:rPr>
              <a:t>Iris</a:t>
            </a:r>
            <a:r>
              <a:rPr lang="en-US" sz="1200" i="1" dirty="0" smtClean="0">
                <a:solidFill>
                  <a:schemeClr val="tx1">
                    <a:lumMod val="75000"/>
                    <a:lumOff val="25000"/>
                  </a:schemeClr>
                </a:solidFill>
                <a:cs typeface="Arial" pitchFamily="34" charset="0"/>
              </a:rPr>
              <a:t>’  </a:t>
            </a:r>
            <a:endParaRPr lang="en-US" sz="1200" i="1" dirty="0">
              <a:solidFill>
                <a:schemeClr val="tx1">
                  <a:lumMod val="75000"/>
                  <a:lumOff val="25000"/>
                </a:schemeClr>
              </a:solidFill>
              <a:cs typeface="Arial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639477" y="1030316"/>
            <a:ext cx="1490761" cy="147508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3835076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reeform 3"/>
          <p:cNvSpPr/>
          <p:nvPr/>
        </p:nvSpPr>
        <p:spPr>
          <a:xfrm>
            <a:off x="-1259378" y="-508116"/>
            <a:ext cx="9376756" cy="6616930"/>
          </a:xfrm>
          <a:custGeom>
            <a:avLst/>
            <a:gdLst>
              <a:gd name="connsiteX0" fmla="*/ 66502 w 9376756"/>
              <a:gd name="connsiteY0" fmla="*/ 6392487 h 6616930"/>
              <a:gd name="connsiteX1" fmla="*/ 5985163 w 9376756"/>
              <a:gd name="connsiteY1" fmla="*/ 3990109 h 6616930"/>
              <a:gd name="connsiteX2" fmla="*/ 9376756 w 9376756"/>
              <a:gd name="connsiteY2" fmla="*/ 0 h 6616930"/>
              <a:gd name="connsiteX3" fmla="*/ 9376756 w 9376756"/>
              <a:gd name="connsiteY3" fmla="*/ 6616930 h 6616930"/>
              <a:gd name="connsiteX4" fmla="*/ 0 w 9376756"/>
              <a:gd name="connsiteY4" fmla="*/ 6583680 h 6616930"/>
              <a:gd name="connsiteX5" fmla="*/ 66502 w 9376756"/>
              <a:gd name="connsiteY5" fmla="*/ 6392487 h 6616930"/>
              <a:gd name="connsiteX0" fmla="*/ 66502 w 9376756"/>
              <a:gd name="connsiteY0" fmla="*/ 6431568 h 6656011"/>
              <a:gd name="connsiteX1" fmla="*/ 5985163 w 9376756"/>
              <a:gd name="connsiteY1" fmla="*/ 4029190 h 6656011"/>
              <a:gd name="connsiteX2" fmla="*/ 9376756 w 9376756"/>
              <a:gd name="connsiteY2" fmla="*/ 39081 h 6656011"/>
              <a:gd name="connsiteX3" fmla="*/ 9376756 w 9376756"/>
              <a:gd name="connsiteY3" fmla="*/ 6656011 h 6656011"/>
              <a:gd name="connsiteX4" fmla="*/ 0 w 9376756"/>
              <a:gd name="connsiteY4" fmla="*/ 6622761 h 6656011"/>
              <a:gd name="connsiteX5" fmla="*/ 66502 w 9376756"/>
              <a:gd name="connsiteY5" fmla="*/ 6431568 h 6656011"/>
              <a:gd name="connsiteX0" fmla="*/ 66502 w 9376756"/>
              <a:gd name="connsiteY0" fmla="*/ 6431568 h 6656011"/>
              <a:gd name="connsiteX1" fmla="*/ 5985163 w 9376756"/>
              <a:gd name="connsiteY1" fmla="*/ 4029190 h 6656011"/>
              <a:gd name="connsiteX2" fmla="*/ 9376756 w 9376756"/>
              <a:gd name="connsiteY2" fmla="*/ 39081 h 6656011"/>
              <a:gd name="connsiteX3" fmla="*/ 9376756 w 9376756"/>
              <a:gd name="connsiteY3" fmla="*/ 6656011 h 6656011"/>
              <a:gd name="connsiteX4" fmla="*/ 0 w 9376756"/>
              <a:gd name="connsiteY4" fmla="*/ 6622761 h 6656011"/>
              <a:gd name="connsiteX5" fmla="*/ 66502 w 9376756"/>
              <a:gd name="connsiteY5" fmla="*/ 6431568 h 6656011"/>
              <a:gd name="connsiteX0" fmla="*/ 66502 w 9376756"/>
              <a:gd name="connsiteY0" fmla="*/ 6431568 h 6656011"/>
              <a:gd name="connsiteX1" fmla="*/ 5985163 w 9376756"/>
              <a:gd name="connsiteY1" fmla="*/ 4029190 h 6656011"/>
              <a:gd name="connsiteX2" fmla="*/ 9376756 w 9376756"/>
              <a:gd name="connsiteY2" fmla="*/ 39081 h 6656011"/>
              <a:gd name="connsiteX3" fmla="*/ 9376756 w 9376756"/>
              <a:gd name="connsiteY3" fmla="*/ 6656011 h 6656011"/>
              <a:gd name="connsiteX4" fmla="*/ 0 w 9376756"/>
              <a:gd name="connsiteY4" fmla="*/ 6622761 h 6656011"/>
              <a:gd name="connsiteX5" fmla="*/ 66502 w 9376756"/>
              <a:gd name="connsiteY5" fmla="*/ 6431568 h 6656011"/>
              <a:gd name="connsiteX0" fmla="*/ 66502 w 9376756"/>
              <a:gd name="connsiteY0" fmla="*/ 6431568 h 6656011"/>
              <a:gd name="connsiteX1" fmla="*/ 5985163 w 9376756"/>
              <a:gd name="connsiteY1" fmla="*/ 4029190 h 6656011"/>
              <a:gd name="connsiteX2" fmla="*/ 9376756 w 9376756"/>
              <a:gd name="connsiteY2" fmla="*/ 39081 h 6656011"/>
              <a:gd name="connsiteX3" fmla="*/ 9376756 w 9376756"/>
              <a:gd name="connsiteY3" fmla="*/ 6656011 h 6656011"/>
              <a:gd name="connsiteX4" fmla="*/ 0 w 9376756"/>
              <a:gd name="connsiteY4" fmla="*/ 6622761 h 6656011"/>
              <a:gd name="connsiteX5" fmla="*/ 66502 w 9376756"/>
              <a:gd name="connsiteY5" fmla="*/ 6431568 h 6656011"/>
              <a:gd name="connsiteX0" fmla="*/ 66502 w 9376756"/>
              <a:gd name="connsiteY0" fmla="*/ 6392487 h 6616930"/>
              <a:gd name="connsiteX1" fmla="*/ 5985163 w 9376756"/>
              <a:gd name="connsiteY1" fmla="*/ 3990109 h 6616930"/>
              <a:gd name="connsiteX2" fmla="*/ 9376756 w 9376756"/>
              <a:gd name="connsiteY2" fmla="*/ 0 h 6616930"/>
              <a:gd name="connsiteX3" fmla="*/ 9376756 w 9376756"/>
              <a:gd name="connsiteY3" fmla="*/ 6616930 h 6616930"/>
              <a:gd name="connsiteX4" fmla="*/ 0 w 9376756"/>
              <a:gd name="connsiteY4" fmla="*/ 6583680 h 6616930"/>
              <a:gd name="connsiteX5" fmla="*/ 66502 w 9376756"/>
              <a:gd name="connsiteY5" fmla="*/ 6392487 h 6616930"/>
              <a:gd name="connsiteX0" fmla="*/ 66502 w 9376756"/>
              <a:gd name="connsiteY0" fmla="*/ 6392682 h 6617125"/>
              <a:gd name="connsiteX1" fmla="*/ 9376756 w 9376756"/>
              <a:gd name="connsiteY1" fmla="*/ 195 h 6617125"/>
              <a:gd name="connsiteX2" fmla="*/ 9376756 w 9376756"/>
              <a:gd name="connsiteY2" fmla="*/ 6617125 h 6617125"/>
              <a:gd name="connsiteX3" fmla="*/ 0 w 9376756"/>
              <a:gd name="connsiteY3" fmla="*/ 6583875 h 6617125"/>
              <a:gd name="connsiteX4" fmla="*/ 66502 w 9376756"/>
              <a:gd name="connsiteY4" fmla="*/ 6392682 h 6617125"/>
              <a:gd name="connsiteX0" fmla="*/ 66502 w 9376756"/>
              <a:gd name="connsiteY0" fmla="*/ 6392656 h 6617099"/>
              <a:gd name="connsiteX1" fmla="*/ 9376756 w 9376756"/>
              <a:gd name="connsiteY1" fmla="*/ 169 h 6617099"/>
              <a:gd name="connsiteX2" fmla="*/ 9376756 w 9376756"/>
              <a:gd name="connsiteY2" fmla="*/ 6617099 h 6617099"/>
              <a:gd name="connsiteX3" fmla="*/ 0 w 9376756"/>
              <a:gd name="connsiteY3" fmla="*/ 6583849 h 6617099"/>
              <a:gd name="connsiteX4" fmla="*/ 66502 w 9376756"/>
              <a:gd name="connsiteY4" fmla="*/ 6392656 h 6617099"/>
              <a:gd name="connsiteX0" fmla="*/ 66502 w 9376756"/>
              <a:gd name="connsiteY0" fmla="*/ 6392487 h 6616930"/>
              <a:gd name="connsiteX1" fmla="*/ 9376756 w 9376756"/>
              <a:gd name="connsiteY1" fmla="*/ 0 h 6616930"/>
              <a:gd name="connsiteX2" fmla="*/ 9376756 w 9376756"/>
              <a:gd name="connsiteY2" fmla="*/ 6616930 h 6616930"/>
              <a:gd name="connsiteX3" fmla="*/ 0 w 9376756"/>
              <a:gd name="connsiteY3" fmla="*/ 6583680 h 6616930"/>
              <a:gd name="connsiteX4" fmla="*/ 66502 w 9376756"/>
              <a:gd name="connsiteY4" fmla="*/ 6392487 h 6616930"/>
              <a:gd name="connsiteX0" fmla="*/ 66502 w 9376756"/>
              <a:gd name="connsiteY0" fmla="*/ 6392487 h 6616930"/>
              <a:gd name="connsiteX1" fmla="*/ 9376756 w 9376756"/>
              <a:gd name="connsiteY1" fmla="*/ 0 h 6616930"/>
              <a:gd name="connsiteX2" fmla="*/ 9376756 w 9376756"/>
              <a:gd name="connsiteY2" fmla="*/ 6616930 h 6616930"/>
              <a:gd name="connsiteX3" fmla="*/ 0 w 9376756"/>
              <a:gd name="connsiteY3" fmla="*/ 6583680 h 6616930"/>
              <a:gd name="connsiteX4" fmla="*/ 66502 w 9376756"/>
              <a:gd name="connsiteY4" fmla="*/ 6392487 h 6616930"/>
              <a:gd name="connsiteX0" fmla="*/ 66502 w 9376756"/>
              <a:gd name="connsiteY0" fmla="*/ 6392487 h 6616930"/>
              <a:gd name="connsiteX1" fmla="*/ 9376756 w 9376756"/>
              <a:gd name="connsiteY1" fmla="*/ 0 h 6616930"/>
              <a:gd name="connsiteX2" fmla="*/ 9376756 w 9376756"/>
              <a:gd name="connsiteY2" fmla="*/ 6616930 h 6616930"/>
              <a:gd name="connsiteX3" fmla="*/ 0 w 9376756"/>
              <a:gd name="connsiteY3" fmla="*/ 6583680 h 6616930"/>
              <a:gd name="connsiteX4" fmla="*/ 66502 w 9376756"/>
              <a:gd name="connsiteY4" fmla="*/ 6392487 h 6616930"/>
              <a:gd name="connsiteX0" fmla="*/ 66502 w 9376756"/>
              <a:gd name="connsiteY0" fmla="*/ 6574394 h 6798837"/>
              <a:gd name="connsiteX1" fmla="*/ 7997062 w 9376756"/>
              <a:gd name="connsiteY1" fmla="*/ 2266159 h 6798837"/>
              <a:gd name="connsiteX2" fmla="*/ 9376756 w 9376756"/>
              <a:gd name="connsiteY2" fmla="*/ 181907 h 6798837"/>
              <a:gd name="connsiteX3" fmla="*/ 9376756 w 9376756"/>
              <a:gd name="connsiteY3" fmla="*/ 6798837 h 6798837"/>
              <a:gd name="connsiteX4" fmla="*/ 0 w 9376756"/>
              <a:gd name="connsiteY4" fmla="*/ 6765587 h 6798837"/>
              <a:gd name="connsiteX5" fmla="*/ 66502 w 9376756"/>
              <a:gd name="connsiteY5" fmla="*/ 6574394 h 6798837"/>
              <a:gd name="connsiteX0" fmla="*/ 66502 w 9417295"/>
              <a:gd name="connsiteY0" fmla="*/ 7141639 h 7366082"/>
              <a:gd name="connsiteX1" fmla="*/ 8466294 w 9417295"/>
              <a:gd name="connsiteY1" fmla="*/ 643656 h 7366082"/>
              <a:gd name="connsiteX2" fmla="*/ 9376756 w 9417295"/>
              <a:gd name="connsiteY2" fmla="*/ 749152 h 7366082"/>
              <a:gd name="connsiteX3" fmla="*/ 9376756 w 9417295"/>
              <a:gd name="connsiteY3" fmla="*/ 7366082 h 7366082"/>
              <a:gd name="connsiteX4" fmla="*/ 0 w 9417295"/>
              <a:gd name="connsiteY4" fmla="*/ 7332832 h 7366082"/>
              <a:gd name="connsiteX5" fmla="*/ 66502 w 9417295"/>
              <a:gd name="connsiteY5" fmla="*/ 7141639 h 7366082"/>
              <a:gd name="connsiteX0" fmla="*/ 66502 w 9417295"/>
              <a:gd name="connsiteY0" fmla="*/ 7141639 h 7366082"/>
              <a:gd name="connsiteX1" fmla="*/ 8466294 w 9417295"/>
              <a:gd name="connsiteY1" fmla="*/ 643656 h 7366082"/>
              <a:gd name="connsiteX2" fmla="*/ 9376756 w 9417295"/>
              <a:gd name="connsiteY2" fmla="*/ 749152 h 7366082"/>
              <a:gd name="connsiteX3" fmla="*/ 9376756 w 9417295"/>
              <a:gd name="connsiteY3" fmla="*/ 7366082 h 7366082"/>
              <a:gd name="connsiteX4" fmla="*/ 0 w 9417295"/>
              <a:gd name="connsiteY4" fmla="*/ 7332832 h 7366082"/>
              <a:gd name="connsiteX5" fmla="*/ 66502 w 9417295"/>
              <a:gd name="connsiteY5" fmla="*/ 7141639 h 7366082"/>
              <a:gd name="connsiteX0" fmla="*/ 66502 w 9376756"/>
              <a:gd name="connsiteY0" fmla="*/ 6947536 h 7171979"/>
              <a:gd name="connsiteX1" fmla="*/ 8466294 w 9376756"/>
              <a:gd name="connsiteY1" fmla="*/ 449553 h 7171979"/>
              <a:gd name="connsiteX2" fmla="*/ 9376756 w 9376756"/>
              <a:gd name="connsiteY2" fmla="*/ 555049 h 7171979"/>
              <a:gd name="connsiteX3" fmla="*/ 9376756 w 9376756"/>
              <a:gd name="connsiteY3" fmla="*/ 7171979 h 7171979"/>
              <a:gd name="connsiteX4" fmla="*/ 0 w 9376756"/>
              <a:gd name="connsiteY4" fmla="*/ 7138729 h 7171979"/>
              <a:gd name="connsiteX5" fmla="*/ 66502 w 9376756"/>
              <a:gd name="connsiteY5" fmla="*/ 6947536 h 7171979"/>
              <a:gd name="connsiteX0" fmla="*/ 66502 w 9376756"/>
              <a:gd name="connsiteY0" fmla="*/ 6866062 h 7090505"/>
              <a:gd name="connsiteX1" fmla="*/ 8430199 w 9376756"/>
              <a:gd name="connsiteY1" fmla="*/ 476363 h 7090505"/>
              <a:gd name="connsiteX2" fmla="*/ 9376756 w 9376756"/>
              <a:gd name="connsiteY2" fmla="*/ 473575 h 7090505"/>
              <a:gd name="connsiteX3" fmla="*/ 9376756 w 9376756"/>
              <a:gd name="connsiteY3" fmla="*/ 7090505 h 7090505"/>
              <a:gd name="connsiteX4" fmla="*/ 0 w 9376756"/>
              <a:gd name="connsiteY4" fmla="*/ 7057255 h 7090505"/>
              <a:gd name="connsiteX5" fmla="*/ 66502 w 9376756"/>
              <a:gd name="connsiteY5" fmla="*/ 6866062 h 7090505"/>
              <a:gd name="connsiteX0" fmla="*/ 66502 w 9376756"/>
              <a:gd name="connsiteY0" fmla="*/ 6866062 h 7090505"/>
              <a:gd name="connsiteX1" fmla="*/ 8430199 w 9376756"/>
              <a:gd name="connsiteY1" fmla="*/ 476363 h 7090505"/>
              <a:gd name="connsiteX2" fmla="*/ 9376756 w 9376756"/>
              <a:gd name="connsiteY2" fmla="*/ 473575 h 7090505"/>
              <a:gd name="connsiteX3" fmla="*/ 9376756 w 9376756"/>
              <a:gd name="connsiteY3" fmla="*/ 7090505 h 7090505"/>
              <a:gd name="connsiteX4" fmla="*/ 0 w 9376756"/>
              <a:gd name="connsiteY4" fmla="*/ 7057255 h 7090505"/>
              <a:gd name="connsiteX5" fmla="*/ 66502 w 9376756"/>
              <a:gd name="connsiteY5" fmla="*/ 6866062 h 7090505"/>
              <a:gd name="connsiteX0" fmla="*/ 66502 w 9376756"/>
              <a:gd name="connsiteY0" fmla="*/ 6401694 h 6626137"/>
              <a:gd name="connsiteX1" fmla="*/ 8430199 w 9376756"/>
              <a:gd name="connsiteY1" fmla="*/ 11995 h 6626137"/>
              <a:gd name="connsiteX2" fmla="*/ 9376756 w 9376756"/>
              <a:gd name="connsiteY2" fmla="*/ 9207 h 6626137"/>
              <a:gd name="connsiteX3" fmla="*/ 9376756 w 9376756"/>
              <a:gd name="connsiteY3" fmla="*/ 6626137 h 6626137"/>
              <a:gd name="connsiteX4" fmla="*/ 0 w 9376756"/>
              <a:gd name="connsiteY4" fmla="*/ 6592887 h 6626137"/>
              <a:gd name="connsiteX5" fmla="*/ 66502 w 9376756"/>
              <a:gd name="connsiteY5" fmla="*/ 6401694 h 6626137"/>
              <a:gd name="connsiteX0" fmla="*/ 66502 w 9376756"/>
              <a:gd name="connsiteY0" fmla="*/ 6401694 h 6626137"/>
              <a:gd name="connsiteX1" fmla="*/ 8430199 w 9376756"/>
              <a:gd name="connsiteY1" fmla="*/ 11995 h 6626137"/>
              <a:gd name="connsiteX2" fmla="*/ 9376756 w 9376756"/>
              <a:gd name="connsiteY2" fmla="*/ 9207 h 6626137"/>
              <a:gd name="connsiteX3" fmla="*/ 9376756 w 9376756"/>
              <a:gd name="connsiteY3" fmla="*/ 6626137 h 6626137"/>
              <a:gd name="connsiteX4" fmla="*/ 0 w 9376756"/>
              <a:gd name="connsiteY4" fmla="*/ 6592887 h 6626137"/>
              <a:gd name="connsiteX5" fmla="*/ 66502 w 9376756"/>
              <a:gd name="connsiteY5" fmla="*/ 6401694 h 6626137"/>
              <a:gd name="connsiteX0" fmla="*/ 66502 w 9376756"/>
              <a:gd name="connsiteY0" fmla="*/ 6401694 h 6626137"/>
              <a:gd name="connsiteX1" fmla="*/ 8430199 w 9376756"/>
              <a:gd name="connsiteY1" fmla="*/ 11995 h 6626137"/>
              <a:gd name="connsiteX2" fmla="*/ 9376756 w 9376756"/>
              <a:gd name="connsiteY2" fmla="*/ 9207 h 6626137"/>
              <a:gd name="connsiteX3" fmla="*/ 9376756 w 9376756"/>
              <a:gd name="connsiteY3" fmla="*/ 6626137 h 6626137"/>
              <a:gd name="connsiteX4" fmla="*/ 0 w 9376756"/>
              <a:gd name="connsiteY4" fmla="*/ 6592887 h 6626137"/>
              <a:gd name="connsiteX5" fmla="*/ 66502 w 9376756"/>
              <a:gd name="connsiteY5" fmla="*/ 6401694 h 6626137"/>
              <a:gd name="connsiteX0" fmla="*/ 66502 w 9376756"/>
              <a:gd name="connsiteY0" fmla="*/ 6476445 h 6700888"/>
              <a:gd name="connsiteX1" fmla="*/ 7190946 w 9376756"/>
              <a:gd name="connsiteY1" fmla="*/ 2525 h 6700888"/>
              <a:gd name="connsiteX2" fmla="*/ 9376756 w 9376756"/>
              <a:gd name="connsiteY2" fmla="*/ 83958 h 6700888"/>
              <a:gd name="connsiteX3" fmla="*/ 9376756 w 9376756"/>
              <a:gd name="connsiteY3" fmla="*/ 6700888 h 6700888"/>
              <a:gd name="connsiteX4" fmla="*/ 0 w 9376756"/>
              <a:gd name="connsiteY4" fmla="*/ 6667638 h 6700888"/>
              <a:gd name="connsiteX5" fmla="*/ 66502 w 9376756"/>
              <a:gd name="connsiteY5" fmla="*/ 6476445 h 6700888"/>
              <a:gd name="connsiteX0" fmla="*/ 66502 w 9376756"/>
              <a:gd name="connsiteY0" fmla="*/ 6401730 h 6626173"/>
              <a:gd name="connsiteX1" fmla="*/ 7034535 w 9376756"/>
              <a:gd name="connsiteY1" fmla="*/ 0 h 6626173"/>
              <a:gd name="connsiteX2" fmla="*/ 9376756 w 9376756"/>
              <a:gd name="connsiteY2" fmla="*/ 9243 h 6626173"/>
              <a:gd name="connsiteX3" fmla="*/ 9376756 w 9376756"/>
              <a:gd name="connsiteY3" fmla="*/ 6626173 h 6626173"/>
              <a:gd name="connsiteX4" fmla="*/ 0 w 9376756"/>
              <a:gd name="connsiteY4" fmla="*/ 6592923 h 6626173"/>
              <a:gd name="connsiteX5" fmla="*/ 66502 w 9376756"/>
              <a:gd name="connsiteY5" fmla="*/ 6401730 h 6626173"/>
              <a:gd name="connsiteX0" fmla="*/ 66502 w 9376756"/>
              <a:gd name="connsiteY0" fmla="*/ 6449857 h 6674300"/>
              <a:gd name="connsiteX1" fmla="*/ 6697651 w 9376756"/>
              <a:gd name="connsiteY1" fmla="*/ 0 h 6674300"/>
              <a:gd name="connsiteX2" fmla="*/ 9376756 w 9376756"/>
              <a:gd name="connsiteY2" fmla="*/ 57370 h 6674300"/>
              <a:gd name="connsiteX3" fmla="*/ 9376756 w 9376756"/>
              <a:gd name="connsiteY3" fmla="*/ 6674300 h 6674300"/>
              <a:gd name="connsiteX4" fmla="*/ 0 w 9376756"/>
              <a:gd name="connsiteY4" fmla="*/ 6641050 h 6674300"/>
              <a:gd name="connsiteX5" fmla="*/ 66502 w 9376756"/>
              <a:gd name="connsiteY5" fmla="*/ 6449857 h 6674300"/>
              <a:gd name="connsiteX0" fmla="*/ 66502 w 9376756"/>
              <a:gd name="connsiteY0" fmla="*/ 6449857 h 6674300"/>
              <a:gd name="connsiteX1" fmla="*/ 6697651 w 9376756"/>
              <a:gd name="connsiteY1" fmla="*/ 0 h 6674300"/>
              <a:gd name="connsiteX2" fmla="*/ 9376756 w 9376756"/>
              <a:gd name="connsiteY2" fmla="*/ 57370 h 6674300"/>
              <a:gd name="connsiteX3" fmla="*/ 9376756 w 9376756"/>
              <a:gd name="connsiteY3" fmla="*/ 6674300 h 6674300"/>
              <a:gd name="connsiteX4" fmla="*/ 0 w 9376756"/>
              <a:gd name="connsiteY4" fmla="*/ 6641050 h 6674300"/>
              <a:gd name="connsiteX5" fmla="*/ 66502 w 9376756"/>
              <a:gd name="connsiteY5" fmla="*/ 6449857 h 6674300"/>
              <a:gd name="connsiteX0" fmla="*/ 66502 w 9376756"/>
              <a:gd name="connsiteY0" fmla="*/ 6392487 h 6616930"/>
              <a:gd name="connsiteX1" fmla="*/ 6228419 w 9376756"/>
              <a:gd name="connsiteY1" fmla="*/ 14819 h 6616930"/>
              <a:gd name="connsiteX2" fmla="*/ 9376756 w 9376756"/>
              <a:gd name="connsiteY2" fmla="*/ 0 h 6616930"/>
              <a:gd name="connsiteX3" fmla="*/ 9376756 w 9376756"/>
              <a:gd name="connsiteY3" fmla="*/ 6616930 h 6616930"/>
              <a:gd name="connsiteX4" fmla="*/ 0 w 9376756"/>
              <a:gd name="connsiteY4" fmla="*/ 6583680 h 6616930"/>
              <a:gd name="connsiteX5" fmla="*/ 66502 w 9376756"/>
              <a:gd name="connsiteY5" fmla="*/ 6392487 h 6616930"/>
              <a:gd name="connsiteX0" fmla="*/ 18376 w 9376756"/>
              <a:gd name="connsiteY0" fmla="*/ 5827003 h 6616930"/>
              <a:gd name="connsiteX1" fmla="*/ 6228419 w 9376756"/>
              <a:gd name="connsiteY1" fmla="*/ 14819 h 6616930"/>
              <a:gd name="connsiteX2" fmla="*/ 9376756 w 9376756"/>
              <a:gd name="connsiteY2" fmla="*/ 0 h 6616930"/>
              <a:gd name="connsiteX3" fmla="*/ 9376756 w 9376756"/>
              <a:gd name="connsiteY3" fmla="*/ 6616930 h 6616930"/>
              <a:gd name="connsiteX4" fmla="*/ 0 w 9376756"/>
              <a:gd name="connsiteY4" fmla="*/ 6583680 h 6616930"/>
              <a:gd name="connsiteX5" fmla="*/ 18376 w 9376756"/>
              <a:gd name="connsiteY5" fmla="*/ 5827003 h 6616930"/>
              <a:gd name="connsiteX0" fmla="*/ 18376 w 9376756"/>
              <a:gd name="connsiteY0" fmla="*/ 5827003 h 6616930"/>
              <a:gd name="connsiteX1" fmla="*/ 6228419 w 9376756"/>
              <a:gd name="connsiteY1" fmla="*/ 14819 h 6616930"/>
              <a:gd name="connsiteX2" fmla="*/ 9376756 w 9376756"/>
              <a:gd name="connsiteY2" fmla="*/ 0 h 6616930"/>
              <a:gd name="connsiteX3" fmla="*/ 9376756 w 9376756"/>
              <a:gd name="connsiteY3" fmla="*/ 6616930 h 6616930"/>
              <a:gd name="connsiteX4" fmla="*/ 0 w 9376756"/>
              <a:gd name="connsiteY4" fmla="*/ 6583680 h 6616930"/>
              <a:gd name="connsiteX5" fmla="*/ 18376 w 9376756"/>
              <a:gd name="connsiteY5" fmla="*/ 5827003 h 6616930"/>
              <a:gd name="connsiteX0" fmla="*/ 18376 w 9376756"/>
              <a:gd name="connsiteY0" fmla="*/ 5827003 h 6616930"/>
              <a:gd name="connsiteX1" fmla="*/ 7251103 w 9376756"/>
              <a:gd name="connsiteY1" fmla="*/ 26851 h 6616930"/>
              <a:gd name="connsiteX2" fmla="*/ 9376756 w 9376756"/>
              <a:gd name="connsiteY2" fmla="*/ 0 h 6616930"/>
              <a:gd name="connsiteX3" fmla="*/ 9376756 w 9376756"/>
              <a:gd name="connsiteY3" fmla="*/ 6616930 h 6616930"/>
              <a:gd name="connsiteX4" fmla="*/ 0 w 9376756"/>
              <a:gd name="connsiteY4" fmla="*/ 6583680 h 6616930"/>
              <a:gd name="connsiteX5" fmla="*/ 18376 w 9376756"/>
              <a:gd name="connsiteY5" fmla="*/ 5827003 h 661693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9376756" h="6616930">
                <a:moveTo>
                  <a:pt x="18376" y="5827003"/>
                </a:moveTo>
                <a:cubicBezTo>
                  <a:pt x="3155957" y="5401950"/>
                  <a:pt x="6293717" y="3787184"/>
                  <a:pt x="7251103" y="26851"/>
                </a:cubicBezTo>
                <a:lnTo>
                  <a:pt x="9376756" y="0"/>
                </a:lnTo>
                <a:lnTo>
                  <a:pt x="9376756" y="6616930"/>
                </a:lnTo>
                <a:lnTo>
                  <a:pt x="0" y="6583680"/>
                </a:lnTo>
                <a:lnTo>
                  <a:pt x="18376" y="5827003"/>
                </a:lnTo>
                <a:close/>
              </a:path>
            </a:pathLst>
          </a:custGeom>
          <a:gradFill flip="none" rotWithShape="1">
            <a:gsLst>
              <a:gs pos="0">
                <a:schemeClr val="accent1">
                  <a:tint val="66000"/>
                  <a:satMod val="160000"/>
                </a:schemeClr>
              </a:gs>
              <a:gs pos="50000">
                <a:schemeClr val="accent1">
                  <a:tint val="44500"/>
                  <a:satMod val="160000"/>
                </a:schemeClr>
              </a:gs>
              <a:gs pos="100000">
                <a:schemeClr val="accent1">
                  <a:tint val="23500"/>
                  <a:satMod val="160000"/>
                </a:schemeClr>
              </a:gs>
            </a:gsLst>
            <a:path path="circle">
              <a:fillToRect l="100000" b="100000"/>
            </a:path>
            <a:tileRect t="-100000" r="-10000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5" name="Freeform 4"/>
          <p:cNvSpPr/>
          <p:nvPr/>
        </p:nvSpPr>
        <p:spPr>
          <a:xfrm>
            <a:off x="-1184564" y="2521132"/>
            <a:ext cx="9227128" cy="3156510"/>
          </a:xfrm>
          <a:custGeom>
            <a:avLst/>
            <a:gdLst>
              <a:gd name="connsiteX0" fmla="*/ 24939 w 9227128"/>
              <a:gd name="connsiteY0" fmla="*/ 2344189 h 3133898"/>
              <a:gd name="connsiteX1" fmla="*/ 2784764 w 9227128"/>
              <a:gd name="connsiteY1" fmla="*/ 1138844 h 3133898"/>
              <a:gd name="connsiteX2" fmla="*/ 4721629 w 9227128"/>
              <a:gd name="connsiteY2" fmla="*/ 448887 h 3133898"/>
              <a:gd name="connsiteX3" fmla="*/ 6633557 w 9227128"/>
              <a:gd name="connsiteY3" fmla="*/ 33251 h 3133898"/>
              <a:gd name="connsiteX4" fmla="*/ 9210502 w 9227128"/>
              <a:gd name="connsiteY4" fmla="*/ 0 h 3133898"/>
              <a:gd name="connsiteX5" fmla="*/ 9227128 w 9227128"/>
              <a:gd name="connsiteY5" fmla="*/ 3133898 h 3133898"/>
              <a:gd name="connsiteX6" fmla="*/ 0 w 9227128"/>
              <a:gd name="connsiteY6" fmla="*/ 3092335 h 3133898"/>
              <a:gd name="connsiteX7" fmla="*/ 24939 w 9227128"/>
              <a:gd name="connsiteY7" fmla="*/ 2344189 h 3133898"/>
              <a:gd name="connsiteX0" fmla="*/ 24939 w 9227128"/>
              <a:gd name="connsiteY0" fmla="*/ 2582019 h 3371728"/>
              <a:gd name="connsiteX1" fmla="*/ 2784764 w 9227128"/>
              <a:gd name="connsiteY1" fmla="*/ 1376674 h 3371728"/>
              <a:gd name="connsiteX2" fmla="*/ 4721629 w 9227128"/>
              <a:gd name="connsiteY2" fmla="*/ 686717 h 3371728"/>
              <a:gd name="connsiteX3" fmla="*/ 6633557 w 9227128"/>
              <a:gd name="connsiteY3" fmla="*/ 271081 h 3371728"/>
              <a:gd name="connsiteX4" fmla="*/ 9210502 w 9227128"/>
              <a:gd name="connsiteY4" fmla="*/ 237830 h 3371728"/>
              <a:gd name="connsiteX5" fmla="*/ 9227128 w 9227128"/>
              <a:gd name="connsiteY5" fmla="*/ 3371728 h 3371728"/>
              <a:gd name="connsiteX6" fmla="*/ 0 w 9227128"/>
              <a:gd name="connsiteY6" fmla="*/ 3330165 h 3371728"/>
              <a:gd name="connsiteX7" fmla="*/ 24939 w 9227128"/>
              <a:gd name="connsiteY7" fmla="*/ 2582019 h 3371728"/>
              <a:gd name="connsiteX0" fmla="*/ 24939 w 9227128"/>
              <a:gd name="connsiteY0" fmla="*/ 2582019 h 3371728"/>
              <a:gd name="connsiteX1" fmla="*/ 2784764 w 9227128"/>
              <a:gd name="connsiteY1" fmla="*/ 1376674 h 3371728"/>
              <a:gd name="connsiteX2" fmla="*/ 6633557 w 9227128"/>
              <a:gd name="connsiteY2" fmla="*/ 271081 h 3371728"/>
              <a:gd name="connsiteX3" fmla="*/ 9210502 w 9227128"/>
              <a:gd name="connsiteY3" fmla="*/ 237830 h 3371728"/>
              <a:gd name="connsiteX4" fmla="*/ 9227128 w 9227128"/>
              <a:gd name="connsiteY4" fmla="*/ 3371728 h 3371728"/>
              <a:gd name="connsiteX5" fmla="*/ 0 w 9227128"/>
              <a:gd name="connsiteY5" fmla="*/ 3330165 h 3371728"/>
              <a:gd name="connsiteX6" fmla="*/ 24939 w 9227128"/>
              <a:gd name="connsiteY6" fmla="*/ 2582019 h 3371728"/>
              <a:gd name="connsiteX0" fmla="*/ 24939 w 9227128"/>
              <a:gd name="connsiteY0" fmla="*/ 2582019 h 3371728"/>
              <a:gd name="connsiteX1" fmla="*/ 2784764 w 9227128"/>
              <a:gd name="connsiteY1" fmla="*/ 1376674 h 3371728"/>
              <a:gd name="connsiteX2" fmla="*/ 6633557 w 9227128"/>
              <a:gd name="connsiteY2" fmla="*/ 271081 h 3371728"/>
              <a:gd name="connsiteX3" fmla="*/ 9210502 w 9227128"/>
              <a:gd name="connsiteY3" fmla="*/ 237830 h 3371728"/>
              <a:gd name="connsiteX4" fmla="*/ 9227128 w 9227128"/>
              <a:gd name="connsiteY4" fmla="*/ 3371728 h 3371728"/>
              <a:gd name="connsiteX5" fmla="*/ 0 w 9227128"/>
              <a:gd name="connsiteY5" fmla="*/ 3330165 h 3371728"/>
              <a:gd name="connsiteX6" fmla="*/ 24939 w 9227128"/>
              <a:gd name="connsiteY6" fmla="*/ 2582019 h 3371728"/>
              <a:gd name="connsiteX0" fmla="*/ 24939 w 9227128"/>
              <a:gd name="connsiteY0" fmla="*/ 2582019 h 3371728"/>
              <a:gd name="connsiteX1" fmla="*/ 6633557 w 9227128"/>
              <a:gd name="connsiteY1" fmla="*/ 271081 h 3371728"/>
              <a:gd name="connsiteX2" fmla="*/ 9210502 w 9227128"/>
              <a:gd name="connsiteY2" fmla="*/ 237830 h 3371728"/>
              <a:gd name="connsiteX3" fmla="*/ 9227128 w 9227128"/>
              <a:gd name="connsiteY3" fmla="*/ 3371728 h 3371728"/>
              <a:gd name="connsiteX4" fmla="*/ 0 w 9227128"/>
              <a:gd name="connsiteY4" fmla="*/ 3330165 h 3371728"/>
              <a:gd name="connsiteX5" fmla="*/ 24939 w 9227128"/>
              <a:gd name="connsiteY5" fmla="*/ 2582019 h 3371728"/>
              <a:gd name="connsiteX0" fmla="*/ 24939 w 9227128"/>
              <a:gd name="connsiteY0" fmla="*/ 2500464 h 3290173"/>
              <a:gd name="connsiteX1" fmla="*/ 4729942 w 9227128"/>
              <a:gd name="connsiteY1" fmla="*/ 638414 h 3290173"/>
              <a:gd name="connsiteX2" fmla="*/ 9210502 w 9227128"/>
              <a:gd name="connsiteY2" fmla="*/ 156275 h 3290173"/>
              <a:gd name="connsiteX3" fmla="*/ 9227128 w 9227128"/>
              <a:gd name="connsiteY3" fmla="*/ 3290173 h 3290173"/>
              <a:gd name="connsiteX4" fmla="*/ 0 w 9227128"/>
              <a:gd name="connsiteY4" fmla="*/ 3248610 h 3290173"/>
              <a:gd name="connsiteX5" fmla="*/ 24939 w 9227128"/>
              <a:gd name="connsiteY5" fmla="*/ 2500464 h 3290173"/>
              <a:gd name="connsiteX0" fmla="*/ 24939 w 9227128"/>
              <a:gd name="connsiteY0" fmla="*/ 2580362 h 3370071"/>
              <a:gd name="connsiteX1" fmla="*/ 4729942 w 9227128"/>
              <a:gd name="connsiteY1" fmla="*/ 718312 h 3370071"/>
              <a:gd name="connsiteX2" fmla="*/ 9210502 w 9227128"/>
              <a:gd name="connsiteY2" fmla="*/ 236173 h 3370071"/>
              <a:gd name="connsiteX3" fmla="*/ 9227128 w 9227128"/>
              <a:gd name="connsiteY3" fmla="*/ 3370071 h 3370071"/>
              <a:gd name="connsiteX4" fmla="*/ 0 w 9227128"/>
              <a:gd name="connsiteY4" fmla="*/ 3328508 h 3370071"/>
              <a:gd name="connsiteX5" fmla="*/ 24939 w 9227128"/>
              <a:gd name="connsiteY5" fmla="*/ 2580362 h 3370071"/>
              <a:gd name="connsiteX0" fmla="*/ 24939 w 9227128"/>
              <a:gd name="connsiteY0" fmla="*/ 2584448 h 3374157"/>
              <a:gd name="connsiteX1" fmla="*/ 4688379 w 9227128"/>
              <a:gd name="connsiteY1" fmla="*/ 705772 h 3374157"/>
              <a:gd name="connsiteX2" fmla="*/ 9210502 w 9227128"/>
              <a:gd name="connsiteY2" fmla="*/ 240259 h 3374157"/>
              <a:gd name="connsiteX3" fmla="*/ 9227128 w 9227128"/>
              <a:gd name="connsiteY3" fmla="*/ 3374157 h 3374157"/>
              <a:gd name="connsiteX4" fmla="*/ 0 w 9227128"/>
              <a:gd name="connsiteY4" fmla="*/ 3332594 h 3374157"/>
              <a:gd name="connsiteX5" fmla="*/ 24939 w 9227128"/>
              <a:gd name="connsiteY5" fmla="*/ 2584448 h 3374157"/>
              <a:gd name="connsiteX0" fmla="*/ 24939 w 9227128"/>
              <a:gd name="connsiteY0" fmla="*/ 2599273 h 3388982"/>
              <a:gd name="connsiteX1" fmla="*/ 4688379 w 9227128"/>
              <a:gd name="connsiteY1" fmla="*/ 720597 h 3388982"/>
              <a:gd name="connsiteX2" fmla="*/ 9210502 w 9227128"/>
              <a:gd name="connsiteY2" fmla="*/ 255084 h 3388982"/>
              <a:gd name="connsiteX3" fmla="*/ 9227128 w 9227128"/>
              <a:gd name="connsiteY3" fmla="*/ 3388982 h 3388982"/>
              <a:gd name="connsiteX4" fmla="*/ 0 w 9227128"/>
              <a:gd name="connsiteY4" fmla="*/ 3347419 h 3388982"/>
              <a:gd name="connsiteX5" fmla="*/ 24939 w 9227128"/>
              <a:gd name="connsiteY5" fmla="*/ 2599273 h 3388982"/>
              <a:gd name="connsiteX0" fmla="*/ 24939 w 9227128"/>
              <a:gd name="connsiteY0" fmla="*/ 2344189 h 3133898"/>
              <a:gd name="connsiteX1" fmla="*/ 4688379 w 9227128"/>
              <a:gd name="connsiteY1" fmla="*/ 465513 h 3133898"/>
              <a:gd name="connsiteX2" fmla="*/ 9210502 w 9227128"/>
              <a:gd name="connsiteY2" fmla="*/ 0 h 3133898"/>
              <a:gd name="connsiteX3" fmla="*/ 9227128 w 9227128"/>
              <a:gd name="connsiteY3" fmla="*/ 3133898 h 3133898"/>
              <a:gd name="connsiteX4" fmla="*/ 0 w 9227128"/>
              <a:gd name="connsiteY4" fmla="*/ 3092335 h 3133898"/>
              <a:gd name="connsiteX5" fmla="*/ 24939 w 9227128"/>
              <a:gd name="connsiteY5" fmla="*/ 2344189 h 3133898"/>
              <a:gd name="connsiteX0" fmla="*/ 24939 w 9227128"/>
              <a:gd name="connsiteY0" fmla="*/ 2367026 h 3156735"/>
              <a:gd name="connsiteX1" fmla="*/ 4688379 w 9227128"/>
              <a:gd name="connsiteY1" fmla="*/ 488350 h 3156735"/>
              <a:gd name="connsiteX2" fmla="*/ 9210502 w 9227128"/>
              <a:gd name="connsiteY2" fmla="*/ 22837 h 3156735"/>
              <a:gd name="connsiteX3" fmla="*/ 9227128 w 9227128"/>
              <a:gd name="connsiteY3" fmla="*/ 3156735 h 3156735"/>
              <a:gd name="connsiteX4" fmla="*/ 0 w 9227128"/>
              <a:gd name="connsiteY4" fmla="*/ 3115172 h 3156735"/>
              <a:gd name="connsiteX5" fmla="*/ 24939 w 9227128"/>
              <a:gd name="connsiteY5" fmla="*/ 2367026 h 3156735"/>
              <a:gd name="connsiteX0" fmla="*/ 24939 w 9227128"/>
              <a:gd name="connsiteY0" fmla="*/ 2367026 h 3156735"/>
              <a:gd name="connsiteX1" fmla="*/ 4688379 w 9227128"/>
              <a:gd name="connsiteY1" fmla="*/ 488350 h 3156735"/>
              <a:gd name="connsiteX2" fmla="*/ 9210502 w 9227128"/>
              <a:gd name="connsiteY2" fmla="*/ 22837 h 3156735"/>
              <a:gd name="connsiteX3" fmla="*/ 9227128 w 9227128"/>
              <a:gd name="connsiteY3" fmla="*/ 3156735 h 3156735"/>
              <a:gd name="connsiteX4" fmla="*/ 0 w 9227128"/>
              <a:gd name="connsiteY4" fmla="*/ 3115172 h 3156735"/>
              <a:gd name="connsiteX5" fmla="*/ 24939 w 9227128"/>
              <a:gd name="connsiteY5" fmla="*/ 2367026 h 3156735"/>
              <a:gd name="connsiteX0" fmla="*/ 24939 w 9227128"/>
              <a:gd name="connsiteY0" fmla="*/ 2373717 h 3163426"/>
              <a:gd name="connsiteX1" fmla="*/ 4688379 w 9227128"/>
              <a:gd name="connsiteY1" fmla="*/ 495041 h 3163426"/>
              <a:gd name="connsiteX2" fmla="*/ 9210502 w 9227128"/>
              <a:gd name="connsiteY2" fmla="*/ 29528 h 3163426"/>
              <a:gd name="connsiteX3" fmla="*/ 9227128 w 9227128"/>
              <a:gd name="connsiteY3" fmla="*/ 3163426 h 3163426"/>
              <a:gd name="connsiteX4" fmla="*/ 0 w 9227128"/>
              <a:gd name="connsiteY4" fmla="*/ 3121863 h 3163426"/>
              <a:gd name="connsiteX5" fmla="*/ 24939 w 9227128"/>
              <a:gd name="connsiteY5" fmla="*/ 2373717 h 3163426"/>
              <a:gd name="connsiteX0" fmla="*/ 24939 w 9227128"/>
              <a:gd name="connsiteY0" fmla="*/ 2360881 h 3150590"/>
              <a:gd name="connsiteX1" fmla="*/ 4688379 w 9227128"/>
              <a:gd name="connsiteY1" fmla="*/ 482205 h 3150590"/>
              <a:gd name="connsiteX2" fmla="*/ 9210502 w 9227128"/>
              <a:gd name="connsiteY2" fmla="*/ 16692 h 3150590"/>
              <a:gd name="connsiteX3" fmla="*/ 9227128 w 9227128"/>
              <a:gd name="connsiteY3" fmla="*/ 3150590 h 3150590"/>
              <a:gd name="connsiteX4" fmla="*/ 0 w 9227128"/>
              <a:gd name="connsiteY4" fmla="*/ 3109027 h 3150590"/>
              <a:gd name="connsiteX5" fmla="*/ 24939 w 9227128"/>
              <a:gd name="connsiteY5" fmla="*/ 2360881 h 3150590"/>
              <a:gd name="connsiteX0" fmla="*/ 24939 w 9227128"/>
              <a:gd name="connsiteY0" fmla="*/ 2369200 h 3158909"/>
              <a:gd name="connsiteX1" fmla="*/ 4688379 w 9227128"/>
              <a:gd name="connsiteY1" fmla="*/ 490524 h 3158909"/>
              <a:gd name="connsiteX2" fmla="*/ 9210502 w 9227128"/>
              <a:gd name="connsiteY2" fmla="*/ 25011 h 3158909"/>
              <a:gd name="connsiteX3" fmla="*/ 9227128 w 9227128"/>
              <a:gd name="connsiteY3" fmla="*/ 3158909 h 3158909"/>
              <a:gd name="connsiteX4" fmla="*/ 0 w 9227128"/>
              <a:gd name="connsiteY4" fmla="*/ 3117346 h 3158909"/>
              <a:gd name="connsiteX5" fmla="*/ 24939 w 9227128"/>
              <a:gd name="connsiteY5" fmla="*/ 2369200 h 3158909"/>
              <a:gd name="connsiteX0" fmla="*/ 24939 w 9227128"/>
              <a:gd name="connsiteY0" fmla="*/ 2350515 h 3140224"/>
              <a:gd name="connsiteX1" fmla="*/ 9210502 w 9227128"/>
              <a:gd name="connsiteY1" fmla="*/ 6326 h 3140224"/>
              <a:gd name="connsiteX2" fmla="*/ 9227128 w 9227128"/>
              <a:gd name="connsiteY2" fmla="*/ 3140224 h 3140224"/>
              <a:gd name="connsiteX3" fmla="*/ 0 w 9227128"/>
              <a:gd name="connsiteY3" fmla="*/ 3098661 h 3140224"/>
              <a:gd name="connsiteX4" fmla="*/ 24939 w 9227128"/>
              <a:gd name="connsiteY4" fmla="*/ 2350515 h 3140224"/>
              <a:gd name="connsiteX0" fmla="*/ 24939 w 9227128"/>
              <a:gd name="connsiteY0" fmla="*/ 2370687 h 3160396"/>
              <a:gd name="connsiteX1" fmla="*/ 9210502 w 9227128"/>
              <a:gd name="connsiteY1" fmla="*/ 26498 h 3160396"/>
              <a:gd name="connsiteX2" fmla="*/ 9227128 w 9227128"/>
              <a:gd name="connsiteY2" fmla="*/ 3160396 h 3160396"/>
              <a:gd name="connsiteX3" fmla="*/ 0 w 9227128"/>
              <a:gd name="connsiteY3" fmla="*/ 3118833 h 3160396"/>
              <a:gd name="connsiteX4" fmla="*/ 24939 w 9227128"/>
              <a:gd name="connsiteY4" fmla="*/ 2370687 h 3160396"/>
              <a:gd name="connsiteX0" fmla="*/ 24939 w 9227128"/>
              <a:gd name="connsiteY0" fmla="*/ 2366801 h 3156510"/>
              <a:gd name="connsiteX1" fmla="*/ 9210502 w 9227128"/>
              <a:gd name="connsiteY1" fmla="*/ 22612 h 3156510"/>
              <a:gd name="connsiteX2" fmla="*/ 9227128 w 9227128"/>
              <a:gd name="connsiteY2" fmla="*/ 3156510 h 3156510"/>
              <a:gd name="connsiteX3" fmla="*/ 0 w 9227128"/>
              <a:gd name="connsiteY3" fmla="*/ 3114947 h 3156510"/>
              <a:gd name="connsiteX4" fmla="*/ 24939 w 9227128"/>
              <a:gd name="connsiteY4" fmla="*/ 2366801 h 31565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9227128" h="3156510">
                <a:moveTo>
                  <a:pt x="24939" y="2366801"/>
                </a:moveTo>
                <a:cubicBezTo>
                  <a:pt x="3962029" y="186385"/>
                  <a:pt x="5738821" y="-95358"/>
                  <a:pt x="9210502" y="22612"/>
                </a:cubicBezTo>
                <a:lnTo>
                  <a:pt x="9227128" y="3156510"/>
                </a:lnTo>
                <a:lnTo>
                  <a:pt x="0" y="3114947"/>
                </a:lnTo>
                <a:lnTo>
                  <a:pt x="24939" y="2366801"/>
                </a:lnTo>
                <a:close/>
              </a:path>
            </a:pathLst>
          </a:custGeom>
          <a:gradFill flip="none" rotWithShape="1">
            <a:gsLst>
              <a:gs pos="0">
                <a:schemeClr val="accent6">
                  <a:lumMod val="60000"/>
                  <a:lumOff val="40000"/>
                  <a:shade val="30000"/>
                  <a:satMod val="115000"/>
                  <a:alpha val="44000"/>
                </a:schemeClr>
              </a:gs>
              <a:gs pos="50000">
                <a:schemeClr val="accent6">
                  <a:lumMod val="60000"/>
                  <a:lumOff val="40000"/>
                  <a:shade val="67500"/>
                  <a:satMod val="115000"/>
                  <a:alpha val="85000"/>
                </a:schemeClr>
              </a:gs>
              <a:gs pos="100000">
                <a:schemeClr val="accent6">
                  <a:lumMod val="60000"/>
                  <a:lumOff val="40000"/>
                  <a:shade val="100000"/>
                  <a:satMod val="115000"/>
                </a:schemeClr>
              </a:gs>
            </a:gsLst>
            <a:lin ang="54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smtClean="0"/>
              <a:t>What is IoT?</a:t>
            </a:r>
            <a:endParaRPr lang="en-GB" dirty="0"/>
          </a:p>
        </p:txBody>
      </p:sp>
      <p:sp>
        <p:nvSpPr>
          <p:cNvPr id="11" name="TextBox 10"/>
          <p:cNvSpPr txBox="1"/>
          <p:nvPr/>
        </p:nvSpPr>
        <p:spPr>
          <a:xfrm>
            <a:off x="5932503" y="1021663"/>
            <a:ext cx="697596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ctr"/>
            <a:r>
              <a:rPr lang="en-GB" sz="1200" dirty="0" smtClean="0">
                <a:solidFill>
                  <a:schemeClr val="tx1"/>
                </a:solidFill>
              </a:rPr>
              <a:t>@1248_io</a:t>
            </a:r>
            <a:endParaRPr lang="en-GB" sz="1200" dirty="0">
              <a:solidFill>
                <a:schemeClr val="tx1"/>
              </a:solidFill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78093" y="181404"/>
            <a:ext cx="825172" cy="82517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894104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smtClean="0"/>
              <a:t>IoT Architecture/Terminology</a:t>
            </a:r>
            <a:endParaRPr lang="en-GB" dirty="0"/>
          </a:p>
        </p:txBody>
      </p:sp>
      <p:grpSp>
        <p:nvGrpSpPr>
          <p:cNvPr id="76" name="Group 75"/>
          <p:cNvGrpSpPr/>
          <p:nvPr/>
        </p:nvGrpSpPr>
        <p:grpSpPr>
          <a:xfrm>
            <a:off x="1987942" y="2169310"/>
            <a:ext cx="4700606" cy="2370818"/>
            <a:chOff x="3035031" y="1823542"/>
            <a:chExt cx="4700606" cy="2370818"/>
          </a:xfrm>
        </p:grpSpPr>
        <p:sp>
          <p:nvSpPr>
            <p:cNvPr id="3" name="Rectangle 2"/>
            <p:cNvSpPr/>
            <p:nvPr/>
          </p:nvSpPr>
          <p:spPr>
            <a:xfrm>
              <a:off x="3035031" y="1823542"/>
              <a:ext cx="4700606" cy="269592"/>
            </a:xfrm>
            <a:prstGeom prst="rect">
              <a:avLst/>
            </a:prstGeom>
            <a:gradFill flip="none" rotWithShape="1">
              <a:gsLst>
                <a:gs pos="0">
                  <a:srgbClr val="FFFF00"/>
                </a:gs>
                <a:gs pos="100000">
                  <a:srgbClr val="FFFF00">
                    <a:alpha val="0"/>
                  </a:srgbClr>
                </a:gs>
              </a:gsLst>
              <a:path path="shape">
                <a:fillToRect l="50000" t="50000" r="50000" b="50000"/>
              </a:path>
              <a:tileRect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4" name="Rectangle 3"/>
            <p:cNvSpPr/>
            <p:nvPr/>
          </p:nvSpPr>
          <p:spPr>
            <a:xfrm>
              <a:off x="3035031" y="2939818"/>
              <a:ext cx="4700606" cy="269592"/>
            </a:xfrm>
            <a:prstGeom prst="rect">
              <a:avLst/>
            </a:prstGeom>
            <a:gradFill flip="none" rotWithShape="1">
              <a:gsLst>
                <a:gs pos="0">
                  <a:srgbClr val="FFFF00"/>
                </a:gs>
                <a:gs pos="100000">
                  <a:srgbClr val="FFFF00">
                    <a:alpha val="0"/>
                  </a:srgbClr>
                </a:gs>
              </a:gsLst>
              <a:path path="shape">
                <a:fillToRect l="50000" t="50000" r="50000" b="50000"/>
              </a:path>
              <a:tileRect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5" name="Rectangle 4"/>
            <p:cNvSpPr/>
            <p:nvPr/>
          </p:nvSpPr>
          <p:spPr>
            <a:xfrm>
              <a:off x="3035031" y="3924768"/>
              <a:ext cx="4700606" cy="269592"/>
            </a:xfrm>
            <a:prstGeom prst="rect">
              <a:avLst/>
            </a:prstGeom>
            <a:gradFill flip="none" rotWithShape="1">
              <a:gsLst>
                <a:gs pos="0">
                  <a:srgbClr val="FFFF00"/>
                </a:gs>
                <a:gs pos="100000">
                  <a:srgbClr val="FFFF00">
                    <a:alpha val="0"/>
                  </a:srgbClr>
                </a:gs>
              </a:gsLst>
              <a:path path="shape">
                <a:fillToRect l="50000" t="50000" r="50000" b="50000"/>
              </a:path>
              <a:tileRect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</p:grpSp>
      <p:grpSp>
        <p:nvGrpSpPr>
          <p:cNvPr id="6" name="Group 5"/>
          <p:cNvGrpSpPr/>
          <p:nvPr/>
        </p:nvGrpSpPr>
        <p:grpSpPr>
          <a:xfrm>
            <a:off x="3571147" y="1319157"/>
            <a:ext cx="3184313" cy="3742808"/>
            <a:chOff x="4282578" y="1828800"/>
            <a:chExt cx="3695290" cy="4343400"/>
          </a:xfrm>
        </p:grpSpPr>
        <p:cxnSp>
          <p:nvCxnSpPr>
            <p:cNvPr id="7" name="Straight Connector 6"/>
            <p:cNvCxnSpPr/>
            <p:nvPr/>
          </p:nvCxnSpPr>
          <p:spPr>
            <a:xfrm>
              <a:off x="5163908" y="2362200"/>
              <a:ext cx="0" cy="1295400"/>
            </a:xfrm>
            <a:prstGeom prst="line">
              <a:avLst/>
            </a:prstGeom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Straight Connector 7"/>
            <p:cNvCxnSpPr/>
            <p:nvPr/>
          </p:nvCxnSpPr>
          <p:spPr>
            <a:xfrm>
              <a:off x="5163908" y="3581400"/>
              <a:ext cx="0" cy="1295400"/>
            </a:xfrm>
            <a:prstGeom prst="line">
              <a:avLst/>
            </a:prstGeom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Straight Connector 8"/>
            <p:cNvCxnSpPr>
              <a:stCxn id="15" idx="2"/>
            </p:cNvCxnSpPr>
            <p:nvPr/>
          </p:nvCxnSpPr>
          <p:spPr>
            <a:xfrm flipH="1">
              <a:off x="4537057" y="5105400"/>
              <a:ext cx="635477" cy="820947"/>
            </a:xfrm>
            <a:prstGeom prst="line">
              <a:avLst/>
            </a:prstGeom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" name="Straight Connector 9"/>
            <p:cNvCxnSpPr>
              <a:stCxn id="15" idx="2"/>
              <a:endCxn id="14" idx="0"/>
            </p:cNvCxnSpPr>
            <p:nvPr/>
          </p:nvCxnSpPr>
          <p:spPr>
            <a:xfrm flipH="1">
              <a:off x="5158878" y="5105400"/>
              <a:ext cx="13656" cy="609600"/>
            </a:xfrm>
            <a:prstGeom prst="line">
              <a:avLst/>
            </a:prstGeom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Straight Connector 10"/>
            <p:cNvCxnSpPr>
              <a:stCxn id="15" idx="2"/>
            </p:cNvCxnSpPr>
            <p:nvPr/>
          </p:nvCxnSpPr>
          <p:spPr>
            <a:xfrm>
              <a:off x="5172533" y="5105400"/>
              <a:ext cx="649858" cy="872706"/>
            </a:xfrm>
            <a:prstGeom prst="line">
              <a:avLst/>
            </a:prstGeom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2" name="Oval 11"/>
            <p:cNvSpPr/>
            <p:nvPr/>
          </p:nvSpPr>
          <p:spPr>
            <a:xfrm>
              <a:off x="4282578" y="5715000"/>
              <a:ext cx="457200" cy="457200"/>
            </a:xfrm>
            <a:prstGeom prst="ellipse">
              <a:avLst/>
            </a:prstGeom>
            <a:solidFill>
              <a:srgbClr val="00B05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13" name="Isosceles Triangle 12"/>
            <p:cNvSpPr/>
            <p:nvPr/>
          </p:nvSpPr>
          <p:spPr>
            <a:xfrm>
              <a:off x="5577978" y="5715000"/>
              <a:ext cx="457200" cy="411480"/>
            </a:xfrm>
            <a:prstGeom prst="triangle">
              <a:avLst/>
            </a:prstGeom>
            <a:solidFill>
              <a:srgbClr val="00B05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14" name="Rectangle 13"/>
            <p:cNvSpPr/>
            <p:nvPr/>
          </p:nvSpPr>
          <p:spPr>
            <a:xfrm>
              <a:off x="4968378" y="5715000"/>
              <a:ext cx="380999" cy="380999"/>
            </a:xfrm>
            <a:prstGeom prst="rect">
              <a:avLst/>
            </a:prstGeom>
            <a:solidFill>
              <a:srgbClr val="00B05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15" name="Rectangle 14"/>
            <p:cNvSpPr/>
            <p:nvPr/>
          </p:nvSpPr>
          <p:spPr>
            <a:xfrm>
              <a:off x="4867734" y="4495799"/>
              <a:ext cx="609600" cy="609600"/>
            </a:xfrm>
            <a:prstGeom prst="rect">
              <a:avLst/>
            </a:prstGeom>
            <a:solidFill>
              <a:srgbClr val="00B05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16" name="Cloud 15"/>
            <p:cNvSpPr/>
            <p:nvPr/>
          </p:nvSpPr>
          <p:spPr>
            <a:xfrm>
              <a:off x="4587378" y="3200400"/>
              <a:ext cx="1219200" cy="914400"/>
            </a:xfrm>
            <a:prstGeom prst="cloud">
              <a:avLst/>
            </a:prstGeom>
            <a:solidFill>
              <a:srgbClr val="00B05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17" name="Can 16"/>
            <p:cNvSpPr/>
            <p:nvPr/>
          </p:nvSpPr>
          <p:spPr>
            <a:xfrm>
              <a:off x="4761723" y="3372155"/>
              <a:ext cx="380999" cy="506730"/>
            </a:xfrm>
            <a:prstGeom prst="can">
              <a:avLst>
                <a:gd name="adj" fmla="val 52692"/>
              </a:avLst>
            </a:prstGeom>
            <a:solidFill>
              <a:srgbClr val="00B05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grpSp>
          <p:nvGrpSpPr>
            <p:cNvPr id="18" name="Group 17"/>
            <p:cNvGrpSpPr/>
            <p:nvPr/>
          </p:nvGrpSpPr>
          <p:grpSpPr>
            <a:xfrm>
              <a:off x="5218923" y="3497885"/>
              <a:ext cx="457200" cy="304800"/>
              <a:chOff x="2758578" y="3048000"/>
              <a:chExt cx="457200" cy="304800"/>
            </a:xfrm>
            <a:solidFill>
              <a:srgbClr val="00B050"/>
            </a:solidFill>
          </p:grpSpPr>
          <p:sp>
            <p:nvSpPr>
              <p:cNvPr id="41" name="Rectangle 40"/>
              <p:cNvSpPr/>
              <p:nvPr/>
            </p:nvSpPr>
            <p:spPr>
              <a:xfrm>
                <a:off x="2758578" y="3048000"/>
                <a:ext cx="457200" cy="304800"/>
              </a:xfrm>
              <a:prstGeom prst="rect">
                <a:avLst/>
              </a:prstGeom>
              <a:grpFill/>
              <a:ln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/>
              </a:p>
            </p:txBody>
          </p:sp>
          <p:cxnSp>
            <p:nvCxnSpPr>
              <p:cNvPr id="42" name="Straight Connector 41"/>
              <p:cNvCxnSpPr/>
              <p:nvPr/>
            </p:nvCxnSpPr>
            <p:spPr>
              <a:xfrm flipV="1">
                <a:off x="2808584" y="3200401"/>
                <a:ext cx="102394" cy="102394"/>
              </a:xfrm>
              <a:prstGeom prst="line">
                <a:avLst/>
              </a:prstGeom>
              <a:grpFill/>
              <a:ln w="38100" cap="rnd">
                <a:solidFill>
                  <a:schemeClr val="bg1"/>
                </a:solidFill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3" name="Straight Connector 42"/>
              <p:cNvCxnSpPr/>
              <p:nvPr/>
            </p:nvCxnSpPr>
            <p:spPr>
              <a:xfrm>
                <a:off x="2910978" y="3200401"/>
                <a:ext cx="80387" cy="80387"/>
              </a:xfrm>
              <a:prstGeom prst="line">
                <a:avLst/>
              </a:prstGeom>
              <a:grpFill/>
              <a:ln w="38100" cap="rnd">
                <a:solidFill>
                  <a:schemeClr val="bg1"/>
                </a:solidFill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4" name="Straight Connector 43"/>
              <p:cNvCxnSpPr/>
              <p:nvPr/>
            </p:nvCxnSpPr>
            <p:spPr>
              <a:xfrm flipV="1">
                <a:off x="2994322" y="3074193"/>
                <a:ext cx="200915" cy="204788"/>
              </a:xfrm>
              <a:prstGeom prst="line">
                <a:avLst/>
              </a:prstGeom>
              <a:grpFill/>
              <a:ln w="38100" cap="rnd">
                <a:solidFill>
                  <a:schemeClr val="bg1"/>
                </a:solidFill>
                <a:headEnd type="none" w="med" len="med"/>
                <a:tailEnd type="triangle" w="med" len="med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sp>
          <p:nvSpPr>
            <p:cNvPr id="19" name="Rounded Rectangle 18"/>
            <p:cNvSpPr/>
            <p:nvPr/>
          </p:nvSpPr>
          <p:spPr>
            <a:xfrm>
              <a:off x="4892178" y="1828800"/>
              <a:ext cx="533400" cy="914400"/>
            </a:xfrm>
            <a:prstGeom prst="roundRect">
              <a:avLst/>
            </a:prstGeom>
            <a:solidFill>
              <a:srgbClr val="00B05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20" name="Rounded Rectangle 19"/>
            <p:cNvSpPr/>
            <p:nvPr/>
          </p:nvSpPr>
          <p:spPr>
            <a:xfrm>
              <a:off x="4968377" y="1905000"/>
              <a:ext cx="380999" cy="685800"/>
            </a:xfrm>
            <a:prstGeom prst="roundRect">
              <a:avLst/>
            </a:prstGeom>
            <a:solidFill>
              <a:srgbClr val="00B05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21" name="Oval 20"/>
            <p:cNvSpPr/>
            <p:nvPr/>
          </p:nvSpPr>
          <p:spPr>
            <a:xfrm>
              <a:off x="5120778" y="2628900"/>
              <a:ext cx="76200" cy="76200"/>
            </a:xfrm>
            <a:prstGeom prst="ellipse">
              <a:avLst/>
            </a:prstGeom>
            <a:solidFill>
              <a:srgbClr val="00B05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cxnSp>
          <p:nvCxnSpPr>
            <p:cNvPr id="22" name="Straight Connector 21"/>
            <p:cNvCxnSpPr/>
            <p:nvPr/>
          </p:nvCxnSpPr>
          <p:spPr>
            <a:xfrm>
              <a:off x="7106600" y="2362200"/>
              <a:ext cx="0" cy="1295400"/>
            </a:xfrm>
            <a:prstGeom prst="line">
              <a:avLst/>
            </a:prstGeom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" name="Straight Connector 22"/>
            <p:cNvCxnSpPr/>
            <p:nvPr/>
          </p:nvCxnSpPr>
          <p:spPr>
            <a:xfrm>
              <a:off x="7106600" y="3581400"/>
              <a:ext cx="0" cy="1295400"/>
            </a:xfrm>
            <a:prstGeom prst="line">
              <a:avLst/>
            </a:prstGeom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" name="Straight Connector 23"/>
            <p:cNvCxnSpPr>
              <a:stCxn id="30" idx="2"/>
            </p:cNvCxnSpPr>
            <p:nvPr/>
          </p:nvCxnSpPr>
          <p:spPr>
            <a:xfrm flipH="1">
              <a:off x="6479748" y="5105400"/>
              <a:ext cx="635478" cy="820947"/>
            </a:xfrm>
            <a:prstGeom prst="line">
              <a:avLst/>
            </a:prstGeom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" name="Straight Connector 24"/>
            <p:cNvCxnSpPr>
              <a:stCxn id="30" idx="2"/>
              <a:endCxn id="29" idx="0"/>
            </p:cNvCxnSpPr>
            <p:nvPr/>
          </p:nvCxnSpPr>
          <p:spPr>
            <a:xfrm flipH="1">
              <a:off x="7101573" y="5105400"/>
              <a:ext cx="13656" cy="609600"/>
            </a:xfrm>
            <a:prstGeom prst="line">
              <a:avLst/>
            </a:prstGeom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" name="Straight Connector 25"/>
            <p:cNvCxnSpPr>
              <a:stCxn id="30" idx="2"/>
            </p:cNvCxnSpPr>
            <p:nvPr/>
          </p:nvCxnSpPr>
          <p:spPr>
            <a:xfrm>
              <a:off x="7115227" y="5105400"/>
              <a:ext cx="649860" cy="872706"/>
            </a:xfrm>
            <a:prstGeom prst="line">
              <a:avLst/>
            </a:prstGeom>
            <a:ln w="57150">
              <a:solidFill>
                <a:schemeClr val="bg1"/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7" name="Oval 26"/>
            <p:cNvSpPr/>
            <p:nvPr/>
          </p:nvSpPr>
          <p:spPr>
            <a:xfrm>
              <a:off x="6225272" y="5715000"/>
              <a:ext cx="457201" cy="457200"/>
            </a:xfrm>
            <a:prstGeom prst="ellipse">
              <a:avLst/>
            </a:prstGeom>
            <a:solidFill>
              <a:srgbClr val="00B0F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28" name="Isosceles Triangle 27"/>
            <p:cNvSpPr/>
            <p:nvPr/>
          </p:nvSpPr>
          <p:spPr>
            <a:xfrm>
              <a:off x="7520667" y="5715000"/>
              <a:ext cx="457201" cy="411480"/>
            </a:xfrm>
            <a:prstGeom prst="triangle">
              <a:avLst/>
            </a:prstGeom>
            <a:solidFill>
              <a:srgbClr val="00B0F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29" name="Rectangle 28"/>
            <p:cNvSpPr/>
            <p:nvPr/>
          </p:nvSpPr>
          <p:spPr>
            <a:xfrm>
              <a:off x="6911072" y="5715000"/>
              <a:ext cx="381001" cy="380999"/>
            </a:xfrm>
            <a:prstGeom prst="rect">
              <a:avLst/>
            </a:prstGeom>
            <a:solidFill>
              <a:srgbClr val="00B0F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30" name="Rectangle 29"/>
            <p:cNvSpPr/>
            <p:nvPr/>
          </p:nvSpPr>
          <p:spPr>
            <a:xfrm>
              <a:off x="6810427" y="4495799"/>
              <a:ext cx="609601" cy="609600"/>
            </a:xfrm>
            <a:prstGeom prst="rect">
              <a:avLst/>
            </a:prstGeom>
            <a:solidFill>
              <a:srgbClr val="00B0F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31" name="Cloud 30"/>
            <p:cNvSpPr/>
            <p:nvPr/>
          </p:nvSpPr>
          <p:spPr>
            <a:xfrm>
              <a:off x="6530069" y="3200400"/>
              <a:ext cx="1219202" cy="914400"/>
            </a:xfrm>
            <a:prstGeom prst="cloud">
              <a:avLst/>
            </a:prstGeom>
            <a:solidFill>
              <a:srgbClr val="00B0F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32" name="Can 31"/>
            <p:cNvSpPr/>
            <p:nvPr/>
          </p:nvSpPr>
          <p:spPr>
            <a:xfrm>
              <a:off x="6704415" y="3372155"/>
              <a:ext cx="381001" cy="506730"/>
            </a:xfrm>
            <a:prstGeom prst="can">
              <a:avLst>
                <a:gd name="adj" fmla="val 52692"/>
              </a:avLst>
            </a:prstGeom>
            <a:solidFill>
              <a:srgbClr val="00B0F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grpSp>
          <p:nvGrpSpPr>
            <p:cNvPr id="33" name="Group 32"/>
            <p:cNvGrpSpPr/>
            <p:nvPr/>
          </p:nvGrpSpPr>
          <p:grpSpPr>
            <a:xfrm>
              <a:off x="7161619" y="3497885"/>
              <a:ext cx="457200" cy="304800"/>
              <a:chOff x="2491474" y="3048000"/>
              <a:chExt cx="457200" cy="304800"/>
            </a:xfrm>
            <a:solidFill>
              <a:srgbClr val="00B0F0"/>
            </a:solidFill>
          </p:grpSpPr>
          <p:sp>
            <p:nvSpPr>
              <p:cNvPr id="37" name="Rectangle 36"/>
              <p:cNvSpPr/>
              <p:nvPr/>
            </p:nvSpPr>
            <p:spPr>
              <a:xfrm>
                <a:off x="2491474" y="3048000"/>
                <a:ext cx="457200" cy="304800"/>
              </a:xfrm>
              <a:prstGeom prst="rect">
                <a:avLst/>
              </a:prstGeom>
              <a:grpFill/>
              <a:ln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/>
              </a:p>
            </p:txBody>
          </p:sp>
          <p:cxnSp>
            <p:nvCxnSpPr>
              <p:cNvPr id="38" name="Straight Connector 37"/>
              <p:cNvCxnSpPr/>
              <p:nvPr/>
            </p:nvCxnSpPr>
            <p:spPr>
              <a:xfrm flipV="1">
                <a:off x="2541479" y="3200401"/>
                <a:ext cx="102394" cy="102394"/>
              </a:xfrm>
              <a:prstGeom prst="line">
                <a:avLst/>
              </a:prstGeom>
              <a:grpFill/>
              <a:ln w="38100" cap="rnd">
                <a:solidFill>
                  <a:schemeClr val="bg1"/>
                </a:solidFill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9" name="Straight Connector 38"/>
              <p:cNvCxnSpPr/>
              <p:nvPr/>
            </p:nvCxnSpPr>
            <p:spPr>
              <a:xfrm>
                <a:off x="2643869" y="3200401"/>
                <a:ext cx="80387" cy="80387"/>
              </a:xfrm>
              <a:prstGeom prst="line">
                <a:avLst/>
              </a:prstGeom>
              <a:grpFill/>
              <a:ln w="38100" cap="rnd">
                <a:solidFill>
                  <a:schemeClr val="bg1"/>
                </a:solidFill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0" name="Straight Connector 39"/>
              <p:cNvCxnSpPr/>
              <p:nvPr/>
            </p:nvCxnSpPr>
            <p:spPr>
              <a:xfrm flipV="1">
                <a:off x="2727216" y="3074193"/>
                <a:ext cx="200915" cy="204788"/>
              </a:xfrm>
              <a:prstGeom prst="line">
                <a:avLst/>
              </a:prstGeom>
              <a:grpFill/>
              <a:ln w="38100" cap="rnd">
                <a:solidFill>
                  <a:schemeClr val="bg1"/>
                </a:solidFill>
                <a:headEnd type="none" w="med" len="med"/>
                <a:tailEnd type="triangle" w="med" len="med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sp>
          <p:nvSpPr>
            <p:cNvPr id="34" name="Rounded Rectangle 33"/>
            <p:cNvSpPr/>
            <p:nvPr/>
          </p:nvSpPr>
          <p:spPr>
            <a:xfrm>
              <a:off x="6834871" y="1828800"/>
              <a:ext cx="533401" cy="914400"/>
            </a:xfrm>
            <a:prstGeom prst="roundRect">
              <a:avLst/>
            </a:prstGeom>
            <a:solidFill>
              <a:srgbClr val="00B0F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35" name="Rounded Rectangle 34"/>
            <p:cNvSpPr/>
            <p:nvPr/>
          </p:nvSpPr>
          <p:spPr>
            <a:xfrm>
              <a:off x="6911072" y="1905000"/>
              <a:ext cx="381001" cy="685800"/>
            </a:xfrm>
            <a:prstGeom prst="roundRect">
              <a:avLst/>
            </a:prstGeom>
            <a:solidFill>
              <a:srgbClr val="00B0F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36" name="Oval 35"/>
            <p:cNvSpPr/>
            <p:nvPr/>
          </p:nvSpPr>
          <p:spPr>
            <a:xfrm>
              <a:off x="7063469" y="2628900"/>
              <a:ext cx="76200" cy="76200"/>
            </a:xfrm>
            <a:prstGeom prst="ellipse">
              <a:avLst/>
            </a:prstGeom>
            <a:solidFill>
              <a:srgbClr val="00B0F0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</p:grpSp>
      <p:sp>
        <p:nvSpPr>
          <p:cNvPr id="45" name="TextBox 44"/>
          <p:cNvSpPr txBox="1"/>
          <p:nvPr/>
        </p:nvSpPr>
        <p:spPr>
          <a:xfrm>
            <a:off x="504321" y="4465158"/>
            <a:ext cx="1358064" cy="67710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600" dirty="0"/>
              <a:t>Devices</a:t>
            </a:r>
            <a:br>
              <a:rPr lang="en-GB" sz="1600" dirty="0"/>
            </a:br>
            <a:r>
              <a:rPr lang="en-GB" sz="1100" dirty="0"/>
              <a:t>(sensors &amp; actuators</a:t>
            </a:r>
            <a:br>
              <a:rPr lang="en-GB" sz="1100" dirty="0"/>
            </a:br>
            <a:r>
              <a:rPr lang="en-GB" sz="1100" dirty="0"/>
              <a:t> in the real world)</a:t>
            </a:r>
          </a:p>
        </p:txBody>
      </p:sp>
      <p:grpSp>
        <p:nvGrpSpPr>
          <p:cNvPr id="46" name="Group 45"/>
          <p:cNvGrpSpPr/>
          <p:nvPr/>
        </p:nvGrpSpPr>
        <p:grpSpPr>
          <a:xfrm>
            <a:off x="509930" y="1319158"/>
            <a:ext cx="2391330" cy="1575919"/>
            <a:chOff x="730144" y="1828800"/>
            <a:chExt cx="2775056" cy="1828800"/>
          </a:xfrm>
        </p:grpSpPr>
        <p:grpSp>
          <p:nvGrpSpPr>
            <p:cNvPr id="47" name="Group 46"/>
            <p:cNvGrpSpPr/>
            <p:nvPr/>
          </p:nvGrpSpPr>
          <p:grpSpPr>
            <a:xfrm>
              <a:off x="2971800" y="1828800"/>
              <a:ext cx="533400" cy="1828800"/>
              <a:chOff x="2971800" y="1828800"/>
              <a:chExt cx="533400" cy="1828800"/>
            </a:xfrm>
          </p:grpSpPr>
          <p:cxnSp>
            <p:nvCxnSpPr>
              <p:cNvPr id="49" name="Straight Connector 48"/>
              <p:cNvCxnSpPr/>
              <p:nvPr/>
            </p:nvCxnSpPr>
            <p:spPr>
              <a:xfrm>
                <a:off x="3243530" y="2362200"/>
                <a:ext cx="0" cy="1295400"/>
              </a:xfrm>
              <a:prstGeom prst="line">
                <a:avLst/>
              </a:prstGeom>
              <a:ln w="57150">
                <a:solidFill>
                  <a:schemeClr val="bg1"/>
                </a:solidFill>
                <a:prstDash val="sysDot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50" name="Rounded Rectangle 49"/>
              <p:cNvSpPr/>
              <p:nvPr/>
            </p:nvSpPr>
            <p:spPr>
              <a:xfrm>
                <a:off x="2971800" y="1828800"/>
                <a:ext cx="533400" cy="914400"/>
              </a:xfrm>
              <a:prstGeom prst="roundRect">
                <a:avLst/>
              </a:prstGeom>
              <a:solidFill>
                <a:srgbClr val="FF0000"/>
              </a:solidFill>
              <a:ln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600"/>
              </a:p>
            </p:txBody>
          </p:sp>
          <p:sp>
            <p:nvSpPr>
              <p:cNvPr id="51" name="Rounded Rectangle 50"/>
              <p:cNvSpPr/>
              <p:nvPr/>
            </p:nvSpPr>
            <p:spPr>
              <a:xfrm>
                <a:off x="3048000" y="1905000"/>
                <a:ext cx="381000" cy="685800"/>
              </a:xfrm>
              <a:prstGeom prst="roundRect">
                <a:avLst/>
              </a:prstGeom>
              <a:solidFill>
                <a:srgbClr val="FF0000"/>
              </a:solidFill>
              <a:ln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600"/>
              </a:p>
            </p:txBody>
          </p:sp>
          <p:sp>
            <p:nvSpPr>
              <p:cNvPr id="52" name="Oval 51"/>
              <p:cNvSpPr/>
              <p:nvPr/>
            </p:nvSpPr>
            <p:spPr>
              <a:xfrm>
                <a:off x="3200400" y="2628900"/>
                <a:ext cx="76200" cy="76200"/>
              </a:xfrm>
              <a:prstGeom prst="ellipse">
                <a:avLst/>
              </a:prstGeom>
              <a:solidFill>
                <a:srgbClr val="FF0000"/>
              </a:solidFill>
              <a:ln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600"/>
              </a:p>
            </p:txBody>
          </p:sp>
        </p:grpSp>
        <p:sp>
          <p:nvSpPr>
            <p:cNvPr id="48" name="TextBox 47"/>
            <p:cNvSpPr txBox="1"/>
            <p:nvPr/>
          </p:nvSpPr>
          <p:spPr>
            <a:xfrm>
              <a:off x="730144" y="1960267"/>
              <a:ext cx="1713643" cy="589320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600" dirty="0"/>
                <a:t>Clients</a:t>
              </a:r>
              <a:br>
                <a:rPr lang="en-GB" sz="1600" dirty="0"/>
              </a:br>
              <a:r>
                <a:rPr lang="en-GB" sz="1100" dirty="0"/>
                <a:t>(UI and other services)</a:t>
              </a:r>
            </a:p>
          </p:txBody>
        </p:sp>
      </p:grpSp>
      <p:grpSp>
        <p:nvGrpSpPr>
          <p:cNvPr id="53" name="Group 52"/>
          <p:cNvGrpSpPr/>
          <p:nvPr/>
        </p:nvGrpSpPr>
        <p:grpSpPr>
          <a:xfrm>
            <a:off x="506641" y="2465840"/>
            <a:ext cx="2722936" cy="1479850"/>
            <a:chOff x="726327" y="3159486"/>
            <a:chExt cx="3159873" cy="1717314"/>
          </a:xfrm>
        </p:grpSpPr>
        <p:sp>
          <p:nvSpPr>
            <p:cNvPr id="54" name="TextBox 53"/>
            <p:cNvSpPr txBox="1"/>
            <p:nvPr/>
          </p:nvSpPr>
          <p:spPr>
            <a:xfrm>
              <a:off x="726327" y="3159486"/>
              <a:ext cx="1609099" cy="607178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600" dirty="0"/>
                <a:t>Cloud services</a:t>
              </a:r>
              <a:br>
                <a:rPr lang="en-GB" sz="1600" dirty="0"/>
              </a:br>
              <a:r>
                <a:rPr lang="en-GB" sz="1100" dirty="0"/>
                <a:t>(Storage, Analytics)</a:t>
              </a:r>
            </a:p>
          </p:txBody>
        </p:sp>
        <p:grpSp>
          <p:nvGrpSpPr>
            <p:cNvPr id="55" name="Group 54"/>
            <p:cNvGrpSpPr/>
            <p:nvPr/>
          </p:nvGrpSpPr>
          <p:grpSpPr>
            <a:xfrm>
              <a:off x="2667000" y="3200400"/>
              <a:ext cx="1219200" cy="1676400"/>
              <a:chOff x="2667000" y="3200400"/>
              <a:chExt cx="1219200" cy="1676400"/>
            </a:xfrm>
          </p:grpSpPr>
          <p:cxnSp>
            <p:nvCxnSpPr>
              <p:cNvPr id="56" name="Straight Connector 55"/>
              <p:cNvCxnSpPr/>
              <p:nvPr/>
            </p:nvCxnSpPr>
            <p:spPr>
              <a:xfrm>
                <a:off x="3243530" y="3581400"/>
                <a:ext cx="0" cy="1295400"/>
              </a:xfrm>
              <a:prstGeom prst="line">
                <a:avLst/>
              </a:prstGeom>
              <a:ln w="57150">
                <a:solidFill>
                  <a:schemeClr val="bg1"/>
                </a:solidFill>
                <a:prstDash val="sysDot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57" name="Cloud 56"/>
              <p:cNvSpPr/>
              <p:nvPr/>
            </p:nvSpPr>
            <p:spPr>
              <a:xfrm>
                <a:off x="2667000" y="3200400"/>
                <a:ext cx="1219200" cy="914400"/>
              </a:xfrm>
              <a:prstGeom prst="cloud">
                <a:avLst/>
              </a:prstGeom>
              <a:solidFill>
                <a:srgbClr val="FF0000"/>
              </a:solidFill>
              <a:ln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600"/>
              </a:p>
            </p:txBody>
          </p:sp>
          <p:sp>
            <p:nvSpPr>
              <p:cNvPr id="58" name="Can 57"/>
              <p:cNvSpPr/>
              <p:nvPr/>
            </p:nvSpPr>
            <p:spPr>
              <a:xfrm>
                <a:off x="2841345" y="3372155"/>
                <a:ext cx="381000" cy="506730"/>
              </a:xfrm>
              <a:prstGeom prst="can">
                <a:avLst>
                  <a:gd name="adj" fmla="val 52692"/>
                </a:avLst>
              </a:prstGeom>
              <a:solidFill>
                <a:srgbClr val="FF0000"/>
              </a:solidFill>
              <a:ln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600"/>
              </a:p>
            </p:txBody>
          </p:sp>
          <p:grpSp>
            <p:nvGrpSpPr>
              <p:cNvPr id="59" name="Group 58"/>
              <p:cNvGrpSpPr/>
              <p:nvPr/>
            </p:nvGrpSpPr>
            <p:grpSpPr>
              <a:xfrm>
                <a:off x="3298545" y="3497885"/>
                <a:ext cx="457200" cy="304800"/>
                <a:chOff x="3048000" y="3048000"/>
                <a:chExt cx="457200" cy="304800"/>
              </a:xfrm>
              <a:solidFill>
                <a:srgbClr val="FF0000"/>
              </a:solidFill>
            </p:grpSpPr>
            <p:sp>
              <p:nvSpPr>
                <p:cNvPr id="60" name="Rectangle 59"/>
                <p:cNvSpPr/>
                <p:nvPr/>
              </p:nvSpPr>
              <p:spPr>
                <a:xfrm>
                  <a:off x="3048000" y="3048000"/>
                  <a:ext cx="457200" cy="304800"/>
                </a:xfrm>
                <a:prstGeom prst="rect">
                  <a:avLst/>
                </a:prstGeom>
                <a:grpFill/>
                <a:ln>
                  <a:solidFill>
                    <a:schemeClr val="bg1"/>
                  </a:solidFill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en-GB" sz="1600"/>
                </a:p>
              </p:txBody>
            </p:sp>
            <p:cxnSp>
              <p:nvCxnSpPr>
                <p:cNvPr id="61" name="Straight Connector 60"/>
                <p:cNvCxnSpPr/>
                <p:nvPr/>
              </p:nvCxnSpPr>
              <p:spPr>
                <a:xfrm flipV="1">
                  <a:off x="3098006" y="3200400"/>
                  <a:ext cx="102394" cy="102394"/>
                </a:xfrm>
                <a:prstGeom prst="line">
                  <a:avLst/>
                </a:prstGeom>
                <a:grpFill/>
                <a:ln w="38100" cap="rnd"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62" name="Straight Connector 61"/>
                <p:cNvCxnSpPr/>
                <p:nvPr/>
              </p:nvCxnSpPr>
              <p:spPr>
                <a:xfrm>
                  <a:off x="3200400" y="3200400"/>
                  <a:ext cx="80387" cy="80387"/>
                </a:xfrm>
                <a:prstGeom prst="line">
                  <a:avLst/>
                </a:prstGeom>
                <a:grpFill/>
                <a:ln w="38100" cap="rnd"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63" name="Straight Connector 62"/>
                <p:cNvCxnSpPr/>
                <p:nvPr/>
              </p:nvCxnSpPr>
              <p:spPr>
                <a:xfrm flipV="1">
                  <a:off x="3283744" y="3074193"/>
                  <a:ext cx="200915" cy="204788"/>
                </a:xfrm>
                <a:prstGeom prst="line">
                  <a:avLst/>
                </a:prstGeom>
                <a:grpFill/>
                <a:ln w="38100" cap="rnd">
                  <a:solidFill>
                    <a:schemeClr val="bg1"/>
                  </a:solidFill>
                  <a:headEnd type="none" w="med" len="med"/>
                  <a:tailEnd type="triangle" w="med" len="med"/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</p:grpSp>
        </p:grpSp>
      </p:grpSp>
      <p:grpSp>
        <p:nvGrpSpPr>
          <p:cNvPr id="64" name="Group 63"/>
          <p:cNvGrpSpPr/>
          <p:nvPr/>
        </p:nvGrpSpPr>
        <p:grpSpPr>
          <a:xfrm>
            <a:off x="506918" y="3491055"/>
            <a:ext cx="2736287" cy="1403660"/>
            <a:chOff x="726649" y="4349209"/>
            <a:chExt cx="3175366" cy="1628897"/>
          </a:xfrm>
        </p:grpSpPr>
        <p:sp>
          <p:nvSpPr>
            <p:cNvPr id="65" name="TextBox 64"/>
            <p:cNvSpPr txBox="1"/>
            <p:nvPr/>
          </p:nvSpPr>
          <p:spPr>
            <a:xfrm>
              <a:off x="726649" y="4349209"/>
              <a:ext cx="2305196" cy="589320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600" dirty="0"/>
                <a:t>Gateways</a:t>
              </a:r>
              <a:br>
                <a:rPr lang="en-GB" sz="1600" dirty="0"/>
              </a:br>
              <a:r>
                <a:rPr lang="en-GB" sz="1100" dirty="0"/>
                <a:t>(gets devices onto the Internet)</a:t>
              </a:r>
            </a:p>
          </p:txBody>
        </p:sp>
        <p:grpSp>
          <p:nvGrpSpPr>
            <p:cNvPr id="66" name="Group 65"/>
            <p:cNvGrpSpPr/>
            <p:nvPr/>
          </p:nvGrpSpPr>
          <p:grpSpPr>
            <a:xfrm>
              <a:off x="2616679" y="4495800"/>
              <a:ext cx="1285336" cy="1482306"/>
              <a:chOff x="2616679" y="4495800"/>
              <a:chExt cx="1285336" cy="1482306"/>
            </a:xfrm>
          </p:grpSpPr>
          <p:cxnSp>
            <p:nvCxnSpPr>
              <p:cNvPr id="67" name="Straight Connector 66"/>
              <p:cNvCxnSpPr>
                <a:stCxn id="70" idx="2"/>
              </p:cNvCxnSpPr>
              <p:nvPr/>
            </p:nvCxnSpPr>
            <p:spPr>
              <a:xfrm flipH="1">
                <a:off x="2616679" y="5105400"/>
                <a:ext cx="635477" cy="820947"/>
              </a:xfrm>
              <a:prstGeom prst="line">
                <a:avLst/>
              </a:prstGeom>
              <a:ln w="57150">
                <a:solidFill>
                  <a:schemeClr val="bg1"/>
                </a:solidFill>
                <a:prstDash val="sysDot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68" name="Straight Connector 67"/>
              <p:cNvCxnSpPr>
                <a:stCxn id="70" idx="2"/>
              </p:cNvCxnSpPr>
              <p:nvPr/>
            </p:nvCxnSpPr>
            <p:spPr>
              <a:xfrm flipH="1">
                <a:off x="3238500" y="5105400"/>
                <a:ext cx="13656" cy="609595"/>
              </a:xfrm>
              <a:prstGeom prst="line">
                <a:avLst/>
              </a:prstGeom>
              <a:ln w="57150">
                <a:solidFill>
                  <a:schemeClr val="bg1"/>
                </a:solidFill>
                <a:prstDash val="sysDot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69" name="Straight Connector 68"/>
              <p:cNvCxnSpPr>
                <a:stCxn id="70" idx="2"/>
              </p:cNvCxnSpPr>
              <p:nvPr/>
            </p:nvCxnSpPr>
            <p:spPr>
              <a:xfrm>
                <a:off x="3252156" y="5105400"/>
                <a:ext cx="649859" cy="872706"/>
              </a:xfrm>
              <a:prstGeom prst="line">
                <a:avLst/>
              </a:prstGeom>
              <a:ln w="57150">
                <a:solidFill>
                  <a:schemeClr val="bg1"/>
                </a:solidFill>
                <a:prstDash val="sysDot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70" name="Rectangle 69"/>
              <p:cNvSpPr/>
              <p:nvPr/>
            </p:nvSpPr>
            <p:spPr>
              <a:xfrm>
                <a:off x="2947356" y="4495800"/>
                <a:ext cx="609600" cy="609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600"/>
              </a:p>
            </p:txBody>
          </p:sp>
        </p:grpSp>
      </p:grpSp>
      <p:sp>
        <p:nvSpPr>
          <p:cNvPr id="71" name="Oval 70"/>
          <p:cNvSpPr/>
          <p:nvPr/>
        </p:nvSpPr>
        <p:spPr>
          <a:xfrm>
            <a:off x="1916311" y="4667985"/>
            <a:ext cx="393980" cy="393980"/>
          </a:xfrm>
          <a:prstGeom prst="ellipse">
            <a:avLst/>
          </a:prstGeom>
          <a:solidFill>
            <a:srgbClr val="FF0000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sz="2400"/>
          </a:p>
        </p:txBody>
      </p:sp>
      <p:sp>
        <p:nvSpPr>
          <p:cNvPr id="72" name="Isosceles Triangle 71"/>
          <p:cNvSpPr/>
          <p:nvPr/>
        </p:nvSpPr>
        <p:spPr>
          <a:xfrm>
            <a:off x="3032587" y="4667985"/>
            <a:ext cx="393980" cy="354582"/>
          </a:xfrm>
          <a:prstGeom prst="triangle">
            <a:avLst/>
          </a:prstGeom>
          <a:solidFill>
            <a:srgbClr val="FF0000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73" name="Rectangle 72"/>
          <p:cNvSpPr/>
          <p:nvPr/>
        </p:nvSpPr>
        <p:spPr>
          <a:xfrm>
            <a:off x="2507281" y="4667986"/>
            <a:ext cx="328316" cy="328317"/>
          </a:xfrm>
          <a:prstGeom prst="rect">
            <a:avLst/>
          </a:prstGeom>
          <a:solidFill>
            <a:srgbClr val="FF0000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sz="2400"/>
          </a:p>
        </p:txBody>
      </p:sp>
      <p:grpSp>
        <p:nvGrpSpPr>
          <p:cNvPr id="80" name="Group 79"/>
          <p:cNvGrpSpPr/>
          <p:nvPr/>
        </p:nvGrpSpPr>
        <p:grpSpPr>
          <a:xfrm>
            <a:off x="-34834" y="1504600"/>
            <a:ext cx="543718" cy="3491701"/>
            <a:chOff x="106943" y="1268016"/>
            <a:chExt cx="543718" cy="3729434"/>
          </a:xfrm>
        </p:grpSpPr>
        <p:sp>
          <p:nvSpPr>
            <p:cNvPr id="77" name="TextBox 76"/>
            <p:cNvSpPr txBox="1"/>
            <p:nvPr/>
          </p:nvSpPr>
          <p:spPr>
            <a:xfrm rot="16200000">
              <a:off x="-203090" y="2847439"/>
              <a:ext cx="1143285" cy="52322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GB" sz="2800" dirty="0"/>
                <a:t>UX</a:t>
              </a:r>
            </a:p>
          </p:txBody>
        </p:sp>
        <p:sp>
          <p:nvSpPr>
            <p:cNvPr id="79" name="Left Bracket 78"/>
            <p:cNvSpPr/>
            <p:nvPr/>
          </p:nvSpPr>
          <p:spPr>
            <a:xfrm>
              <a:off x="604942" y="1268016"/>
              <a:ext cx="45719" cy="3729434"/>
            </a:xfrm>
            <a:prstGeom prst="leftBracket">
              <a:avLst/>
            </a:prstGeom>
            <a:ln w="28575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en-GB" sz="1200"/>
            </a:p>
          </p:txBody>
        </p:sp>
      </p:grpSp>
    </p:spTree>
    <p:extLst>
      <p:ext uri="{BB962C8B-B14F-4D97-AF65-F5344CB8AC3E}">
        <p14:creationId xmlns:p14="http://schemas.microsoft.com/office/powerpoint/2010/main" val="3973910004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smtClean="0"/>
              <a:t>Lessons</a:t>
            </a:r>
            <a:endParaRPr lang="en-GB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dirty="0" smtClean="0"/>
              <a:t>from the school of hard knocks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54537844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/>
          <p:cNvGrpSpPr/>
          <p:nvPr/>
        </p:nvGrpSpPr>
        <p:grpSpPr>
          <a:xfrm>
            <a:off x="-2070262" y="-2632383"/>
            <a:ext cx="11545130" cy="6874758"/>
            <a:chOff x="-1270162" y="-2632383"/>
            <a:chExt cx="11545130" cy="6874758"/>
          </a:xfrm>
        </p:grpSpPr>
        <p:grpSp>
          <p:nvGrpSpPr>
            <p:cNvPr id="17" name="Group 16"/>
            <p:cNvGrpSpPr/>
            <p:nvPr/>
          </p:nvGrpSpPr>
          <p:grpSpPr>
            <a:xfrm>
              <a:off x="-1270162" y="-2632383"/>
              <a:ext cx="11545130" cy="5855596"/>
              <a:chOff x="-1176192" y="1143000"/>
              <a:chExt cx="10967445" cy="5562600"/>
            </a:xfrm>
            <a:scene3d>
              <a:camera prst="perspectiveRelaxed" fov="6900000"/>
              <a:lightRig rig="threePt" dir="t"/>
            </a:scene3d>
          </p:grpSpPr>
          <p:sp>
            <p:nvSpPr>
              <p:cNvPr id="19" name="Rectangle 18"/>
              <p:cNvSpPr/>
              <p:nvPr/>
            </p:nvSpPr>
            <p:spPr>
              <a:xfrm>
                <a:off x="441960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20" name="Rectangle 19"/>
              <p:cNvSpPr/>
              <p:nvPr/>
            </p:nvSpPr>
            <p:spPr>
              <a:xfrm>
                <a:off x="464820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21" name="Rectangle 20"/>
              <p:cNvSpPr/>
              <p:nvPr/>
            </p:nvSpPr>
            <p:spPr>
              <a:xfrm>
                <a:off x="485775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22" name="Rectangle 21"/>
              <p:cNvSpPr/>
              <p:nvPr/>
            </p:nvSpPr>
            <p:spPr>
              <a:xfrm>
                <a:off x="508635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23" name="Rectangle 22"/>
              <p:cNvSpPr/>
              <p:nvPr/>
            </p:nvSpPr>
            <p:spPr>
              <a:xfrm>
                <a:off x="532115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24" name="Rectangle 23"/>
              <p:cNvSpPr/>
              <p:nvPr/>
            </p:nvSpPr>
            <p:spPr>
              <a:xfrm>
                <a:off x="554975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25" name="Rectangle 24"/>
              <p:cNvSpPr/>
              <p:nvPr/>
            </p:nvSpPr>
            <p:spPr>
              <a:xfrm>
                <a:off x="575930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26" name="Rectangle 25"/>
              <p:cNvSpPr/>
              <p:nvPr/>
            </p:nvSpPr>
            <p:spPr>
              <a:xfrm>
                <a:off x="598790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27" name="Rectangle 26"/>
              <p:cNvSpPr/>
              <p:nvPr/>
            </p:nvSpPr>
            <p:spPr>
              <a:xfrm>
                <a:off x="621650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28" name="Rectangle 27"/>
              <p:cNvSpPr/>
              <p:nvPr/>
            </p:nvSpPr>
            <p:spPr>
              <a:xfrm>
                <a:off x="644510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29" name="Rectangle 28"/>
              <p:cNvSpPr/>
              <p:nvPr/>
            </p:nvSpPr>
            <p:spPr>
              <a:xfrm>
                <a:off x="665465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30" name="Rectangle 29"/>
              <p:cNvSpPr/>
              <p:nvPr/>
            </p:nvSpPr>
            <p:spPr>
              <a:xfrm>
                <a:off x="688325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31" name="Rectangle 30"/>
              <p:cNvSpPr/>
              <p:nvPr/>
            </p:nvSpPr>
            <p:spPr>
              <a:xfrm>
                <a:off x="711805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32" name="Rectangle 31"/>
              <p:cNvSpPr/>
              <p:nvPr/>
            </p:nvSpPr>
            <p:spPr>
              <a:xfrm>
                <a:off x="734665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33" name="Rectangle 32"/>
              <p:cNvSpPr/>
              <p:nvPr/>
            </p:nvSpPr>
            <p:spPr>
              <a:xfrm>
                <a:off x="755620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34" name="Rectangle 33"/>
              <p:cNvSpPr/>
              <p:nvPr/>
            </p:nvSpPr>
            <p:spPr>
              <a:xfrm>
                <a:off x="778480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35" name="Rectangle 34"/>
              <p:cNvSpPr/>
              <p:nvPr/>
            </p:nvSpPr>
            <p:spPr>
              <a:xfrm>
                <a:off x="799435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36" name="Rectangle 35"/>
              <p:cNvSpPr/>
              <p:nvPr/>
            </p:nvSpPr>
            <p:spPr>
              <a:xfrm>
                <a:off x="822295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37" name="Rectangle 36"/>
              <p:cNvSpPr/>
              <p:nvPr/>
            </p:nvSpPr>
            <p:spPr>
              <a:xfrm>
                <a:off x="843250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38" name="Rectangle 37"/>
              <p:cNvSpPr/>
              <p:nvPr/>
            </p:nvSpPr>
            <p:spPr>
              <a:xfrm>
                <a:off x="866110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39" name="Rectangle 38"/>
              <p:cNvSpPr/>
              <p:nvPr/>
            </p:nvSpPr>
            <p:spPr>
              <a:xfrm>
                <a:off x="8895903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40" name="Rectangle 39"/>
              <p:cNvSpPr/>
              <p:nvPr/>
            </p:nvSpPr>
            <p:spPr>
              <a:xfrm>
                <a:off x="9124503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41" name="Rectangle 40"/>
              <p:cNvSpPr/>
              <p:nvPr/>
            </p:nvSpPr>
            <p:spPr>
              <a:xfrm>
                <a:off x="9334053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42" name="Rectangle 41"/>
              <p:cNvSpPr/>
              <p:nvPr/>
            </p:nvSpPr>
            <p:spPr>
              <a:xfrm>
                <a:off x="9562653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43" name="Rectangle 42"/>
              <p:cNvSpPr/>
              <p:nvPr/>
            </p:nvSpPr>
            <p:spPr>
              <a:xfrm>
                <a:off x="-117619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44" name="Rectangle 43"/>
              <p:cNvSpPr/>
              <p:nvPr/>
            </p:nvSpPr>
            <p:spPr>
              <a:xfrm>
                <a:off x="-94759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45" name="Rectangle 44"/>
              <p:cNvSpPr/>
              <p:nvPr/>
            </p:nvSpPr>
            <p:spPr>
              <a:xfrm>
                <a:off x="-73804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46" name="Rectangle 45"/>
              <p:cNvSpPr/>
              <p:nvPr/>
            </p:nvSpPr>
            <p:spPr>
              <a:xfrm>
                <a:off x="-509442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47" name="Rectangle 46"/>
              <p:cNvSpPr/>
              <p:nvPr/>
            </p:nvSpPr>
            <p:spPr>
              <a:xfrm>
                <a:off x="-27464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48" name="Rectangle 47"/>
              <p:cNvSpPr/>
              <p:nvPr/>
            </p:nvSpPr>
            <p:spPr>
              <a:xfrm>
                <a:off x="-4604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49" name="Rectangle 48"/>
              <p:cNvSpPr/>
              <p:nvPr/>
            </p:nvSpPr>
            <p:spPr>
              <a:xfrm>
                <a:off x="163509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50" name="Rectangle 49"/>
              <p:cNvSpPr/>
              <p:nvPr/>
            </p:nvSpPr>
            <p:spPr>
              <a:xfrm>
                <a:off x="392109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51" name="Rectangle 50"/>
              <p:cNvSpPr/>
              <p:nvPr/>
            </p:nvSpPr>
            <p:spPr>
              <a:xfrm>
                <a:off x="620709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52" name="Rectangle 51"/>
              <p:cNvSpPr/>
              <p:nvPr/>
            </p:nvSpPr>
            <p:spPr>
              <a:xfrm>
                <a:off x="849309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53" name="Rectangle 52"/>
              <p:cNvSpPr/>
              <p:nvPr/>
            </p:nvSpPr>
            <p:spPr>
              <a:xfrm>
                <a:off x="1058859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54" name="Rectangle 53"/>
              <p:cNvSpPr/>
              <p:nvPr/>
            </p:nvSpPr>
            <p:spPr>
              <a:xfrm>
                <a:off x="1287459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55" name="Rectangle 54"/>
              <p:cNvSpPr/>
              <p:nvPr/>
            </p:nvSpPr>
            <p:spPr>
              <a:xfrm>
                <a:off x="152226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56" name="Rectangle 55"/>
              <p:cNvSpPr/>
              <p:nvPr/>
            </p:nvSpPr>
            <p:spPr>
              <a:xfrm>
                <a:off x="175086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57" name="Rectangle 56"/>
              <p:cNvSpPr/>
              <p:nvPr/>
            </p:nvSpPr>
            <p:spPr>
              <a:xfrm>
                <a:off x="196041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58" name="Rectangle 57"/>
              <p:cNvSpPr/>
              <p:nvPr/>
            </p:nvSpPr>
            <p:spPr>
              <a:xfrm>
                <a:off x="218901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59" name="Rectangle 58"/>
              <p:cNvSpPr/>
              <p:nvPr/>
            </p:nvSpPr>
            <p:spPr>
              <a:xfrm>
                <a:off x="239856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60" name="Rectangle 59"/>
              <p:cNvSpPr/>
              <p:nvPr/>
            </p:nvSpPr>
            <p:spPr>
              <a:xfrm>
                <a:off x="262716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61" name="Rectangle 60"/>
              <p:cNvSpPr/>
              <p:nvPr/>
            </p:nvSpPr>
            <p:spPr>
              <a:xfrm>
                <a:off x="283671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62" name="Rectangle 61"/>
              <p:cNvSpPr/>
              <p:nvPr/>
            </p:nvSpPr>
            <p:spPr>
              <a:xfrm>
                <a:off x="3065310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63" name="Rectangle 62"/>
              <p:cNvSpPr/>
              <p:nvPr/>
            </p:nvSpPr>
            <p:spPr>
              <a:xfrm>
                <a:off x="330011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64" name="Rectangle 63"/>
              <p:cNvSpPr/>
              <p:nvPr/>
            </p:nvSpPr>
            <p:spPr>
              <a:xfrm>
                <a:off x="352871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65" name="Rectangle 64"/>
              <p:cNvSpPr/>
              <p:nvPr/>
            </p:nvSpPr>
            <p:spPr>
              <a:xfrm>
                <a:off x="373826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  <p:sp>
            <p:nvSpPr>
              <p:cNvPr id="66" name="Rectangle 65"/>
              <p:cNvSpPr/>
              <p:nvPr/>
            </p:nvSpPr>
            <p:spPr>
              <a:xfrm>
                <a:off x="3966861" y="1143000"/>
                <a:ext cx="228600" cy="5562600"/>
              </a:xfrm>
              <a:prstGeom prst="rect">
                <a:avLst/>
              </a:prstGeom>
              <a:solidFill>
                <a:srgbClr val="FF00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GB" sz="1350"/>
              </a:p>
            </p:txBody>
          </p:sp>
        </p:grpSp>
        <p:sp>
          <p:nvSpPr>
            <p:cNvPr id="71" name="TextBox 70"/>
            <p:cNvSpPr txBox="1"/>
            <p:nvPr/>
          </p:nvSpPr>
          <p:spPr>
            <a:xfrm>
              <a:off x="866687" y="3657600"/>
              <a:ext cx="6714595" cy="584775"/>
            </a:xfrm>
            <a:prstGeom prst="rect">
              <a:avLst/>
            </a:prstGeom>
            <a:noFill/>
            <a:ln>
              <a:noFill/>
            </a:ln>
            <a:scene3d>
              <a:camera prst="perspectiveRelaxedModerately" fov="7200000">
                <a:rot lat="19490611" lon="0" rev="21599981"/>
              </a:camera>
              <a:lightRig rig="threePt" dir="t"/>
            </a:scene3d>
            <a:sp3d/>
          </p:spPr>
          <p:txBody>
            <a:bodyPr wrap="none" rtlCol="0">
              <a:spAutoFit/>
              <a:scene3d>
                <a:camera prst="perspectiveHeroicExtremeRightFacing"/>
                <a:lightRig rig="threePt" dir="t"/>
              </a:scene3d>
            </a:bodyPr>
            <a:lstStyle/>
            <a:p>
              <a:r>
                <a:rPr lang="en-GB" sz="3200" b="1" dirty="0">
                  <a:solidFill>
                    <a:schemeClr val="bg1"/>
                  </a:solidFill>
                </a:rPr>
                <a:t>there are 100 ways        it can </a:t>
              </a:r>
              <a:r>
                <a:rPr lang="en-GB" sz="3200" b="1" u="sng" dirty="0">
                  <a:solidFill>
                    <a:schemeClr val="bg1"/>
                  </a:solidFill>
                </a:rPr>
                <a:t>not</a:t>
              </a:r>
              <a:r>
                <a:rPr lang="en-GB" sz="3200" b="1" dirty="0">
                  <a:solidFill>
                    <a:schemeClr val="bg1"/>
                  </a:solidFill>
                </a:rPr>
                <a:t> work</a:t>
              </a:r>
            </a:p>
          </p:txBody>
        </p:sp>
      </p:grpSp>
      <p:sp>
        <p:nvSpPr>
          <p:cNvPr id="67" name="Rectangle 66"/>
          <p:cNvSpPr/>
          <p:nvPr/>
        </p:nvSpPr>
        <p:spPr>
          <a:xfrm>
            <a:off x="3579636" y="-2632383"/>
            <a:ext cx="240641" cy="5855596"/>
          </a:xfrm>
          <a:prstGeom prst="rect">
            <a:avLst/>
          </a:prstGeom>
          <a:solidFill>
            <a:srgbClr val="92D050"/>
          </a:solidFill>
          <a:ln>
            <a:solidFill>
              <a:schemeClr val="bg1">
                <a:lumMod val="95000"/>
              </a:schemeClr>
            </a:solidFill>
          </a:ln>
          <a:scene3d>
            <a:camera prst="perspectiveRelaxed" fov="6900000"/>
            <a:lightRig rig="threePt" dir="t"/>
          </a:scene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sz="1350"/>
          </a:p>
        </p:txBody>
      </p:sp>
      <p:sp>
        <p:nvSpPr>
          <p:cNvPr id="3" name="Rectangle 2"/>
          <p:cNvSpPr/>
          <p:nvPr/>
        </p:nvSpPr>
        <p:spPr>
          <a:xfrm>
            <a:off x="3414933" y="-1152445"/>
            <a:ext cx="615553" cy="5298758"/>
          </a:xfrm>
          <a:prstGeom prst="rect">
            <a:avLst/>
          </a:prstGeom>
          <a:noFill/>
        </p:spPr>
        <p:txBody>
          <a:bodyPr vert="vert" wrap="none" lIns="91440" tIns="45720" rIns="91440" bIns="45720">
            <a:spAutoFit/>
            <a:scene3d>
              <a:camera prst="perspectiveRelaxedModerately" fov="6600000">
                <a:rot lat="19199996" lon="0" rev="0"/>
              </a:camera>
              <a:lightRig rig="threePt" dir="t"/>
            </a:scene3d>
          </a:bodyPr>
          <a:lstStyle/>
          <a:p>
            <a:pPr algn="ctr"/>
            <a:r>
              <a:rPr lang="en-US" sz="2800" b="1" dirty="0">
                <a:ln w="10160">
                  <a:noFill/>
                  <a:prstDash val="solid"/>
                </a:ln>
                <a:solidFill>
                  <a:srgbClr val="FFFFFF"/>
                </a:solidFill>
                <a:effectLst>
                  <a:outerShdw blurRad="38100" dist="22860" dir="5400000" algn="tl" rotWithShape="0">
                    <a:srgbClr val="000000">
                      <a:alpha val="30000"/>
                    </a:srgbClr>
                  </a:outerShdw>
                </a:effectLst>
              </a:rPr>
              <a:t>For every one way that IoT works…</a:t>
            </a:r>
          </a:p>
        </p:txBody>
      </p:sp>
      <p:sp>
        <p:nvSpPr>
          <p:cNvPr id="68" name="TextBox 67"/>
          <p:cNvSpPr txBox="1"/>
          <p:nvPr/>
        </p:nvSpPr>
        <p:spPr>
          <a:xfrm>
            <a:off x="5932503" y="1021663"/>
            <a:ext cx="697596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ctr"/>
            <a:r>
              <a:rPr lang="en-GB" sz="1200" dirty="0" smtClean="0">
                <a:solidFill>
                  <a:schemeClr val="bg1"/>
                </a:solidFill>
              </a:rPr>
              <a:t>@1248_io</a:t>
            </a:r>
            <a:endParaRPr lang="en-GB" sz="1200" dirty="0">
              <a:solidFill>
                <a:schemeClr val="bg1"/>
              </a:solidFill>
            </a:endParaRPr>
          </a:p>
        </p:txBody>
      </p:sp>
      <p:pic>
        <p:nvPicPr>
          <p:cNvPr id="69" name="Picture 6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78093" y="181404"/>
            <a:ext cx="825172" cy="82517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121038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xmlns:p14="http://schemas.microsoft.com/office/powerpoint/2010/main"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6" presetClass="entr" presetSubtype="37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outVertical)">
                                      <p:cBhvr>
                                        <p:cTn id="7" dur="20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smtClean="0"/>
              <a:t>Real world is a messy plac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GB" sz="2200" dirty="0"/>
              <a:t>Making it </a:t>
            </a:r>
            <a:r>
              <a:rPr lang="en-GB" sz="2200" dirty="0" smtClean="0"/>
              <a:t>work </a:t>
            </a:r>
            <a:r>
              <a:rPr lang="en-GB" sz="2200" i="1" dirty="0"/>
              <a:t>simply</a:t>
            </a:r>
            <a:r>
              <a:rPr lang="en-GB" sz="2200" dirty="0"/>
              <a:t> </a:t>
            </a:r>
            <a:r>
              <a:rPr lang="en-GB" sz="2200" dirty="0" smtClean="0"/>
              <a:t>is - in fact - </a:t>
            </a:r>
            <a:r>
              <a:rPr lang="en-GB" sz="2200" dirty="0"/>
              <a:t>“the work” </a:t>
            </a:r>
          </a:p>
          <a:p>
            <a:r>
              <a:rPr lang="en-GB" sz="2200" dirty="0" smtClean="0"/>
              <a:t>Consider every way that every part can (will) fail</a:t>
            </a:r>
          </a:p>
          <a:p>
            <a:pPr lvl="1"/>
            <a:r>
              <a:rPr lang="en-GB" sz="1900" dirty="0" smtClean="0"/>
              <a:t>How must it &amp; other parts respond?</a:t>
            </a:r>
          </a:p>
          <a:p>
            <a:pPr lvl="1"/>
            <a:r>
              <a:rPr lang="en-GB" sz="1850" dirty="0" smtClean="0"/>
              <a:t>e.g. Link failure - Buffering? Syncing?</a:t>
            </a:r>
            <a:endParaRPr lang="en-GB" sz="1850" dirty="0"/>
          </a:p>
          <a:p>
            <a:r>
              <a:rPr lang="en-GB" sz="2200" dirty="0" smtClean="0"/>
              <a:t>Design </a:t>
            </a:r>
            <a:r>
              <a:rPr lang="en-GB" sz="2200" u="sng" dirty="0" smtClean="0"/>
              <a:t>Process</a:t>
            </a:r>
            <a:r>
              <a:rPr lang="en-GB" sz="2200" dirty="0" smtClean="0"/>
              <a:t> </a:t>
            </a:r>
            <a:r>
              <a:rPr lang="en-GB" sz="2200" dirty="0"/>
              <a:t>as well as Product</a:t>
            </a:r>
          </a:p>
          <a:p>
            <a:pPr lvl="1"/>
            <a:r>
              <a:rPr lang="en-GB" sz="1850" dirty="0" smtClean="0"/>
              <a:t>e.g. Hive repeater </a:t>
            </a:r>
            <a:r>
              <a:rPr lang="en-GB" sz="1850" dirty="0"/>
              <a:t>story</a:t>
            </a:r>
          </a:p>
          <a:p>
            <a:pPr lvl="1"/>
            <a:r>
              <a:rPr lang="en-GB" sz="1900" dirty="0"/>
              <a:t>Determines </a:t>
            </a:r>
            <a:r>
              <a:rPr lang="en-GB" sz="1900" dirty="0" smtClean="0"/>
              <a:t>whether you </a:t>
            </a:r>
            <a:r>
              <a:rPr lang="en-GB" sz="1900" dirty="0"/>
              <a:t>can scale </a:t>
            </a:r>
            <a:r>
              <a:rPr lang="en-GB" sz="1900" dirty="0" smtClean="0"/>
              <a:t>cost-effectively</a:t>
            </a:r>
          </a:p>
        </p:txBody>
      </p:sp>
    </p:spTree>
    <p:extLst>
      <p:ext uri="{BB962C8B-B14F-4D97-AF65-F5344CB8AC3E}">
        <p14:creationId xmlns:p14="http://schemas.microsoft.com/office/powerpoint/2010/main" val="911760935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smtClean="0"/>
              <a:t>First impressions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GB" sz="2200" dirty="0" smtClean="0"/>
              <a:t>Users don’t follow instructions</a:t>
            </a:r>
          </a:p>
          <a:p>
            <a:pPr lvl="1"/>
            <a:r>
              <a:rPr lang="en-GB" sz="1900" dirty="0" smtClean="0"/>
              <a:t>Must </a:t>
            </a:r>
            <a:r>
              <a:rPr lang="en-GB" sz="1900" dirty="0"/>
              <a:t>cope with any sequence</a:t>
            </a:r>
          </a:p>
          <a:p>
            <a:r>
              <a:rPr lang="en-GB" sz="2200" dirty="0" err="1"/>
              <a:t>Onboarding</a:t>
            </a:r>
            <a:r>
              <a:rPr lang="en-GB" sz="2200" dirty="0"/>
              <a:t>: security </a:t>
            </a:r>
            <a:r>
              <a:rPr lang="en-GB" sz="2200" i="1" dirty="0" smtClean="0"/>
              <a:t>and</a:t>
            </a:r>
            <a:r>
              <a:rPr lang="en-GB" sz="2200" dirty="0" smtClean="0"/>
              <a:t> usability</a:t>
            </a:r>
            <a:endParaRPr lang="en-GB" sz="2200" dirty="0"/>
          </a:p>
          <a:p>
            <a:r>
              <a:rPr lang="en-GB" sz="2200" dirty="0" smtClean="0"/>
              <a:t>Pairing</a:t>
            </a:r>
            <a:endParaRPr lang="en-GB" sz="2200" dirty="0"/>
          </a:p>
          <a:p>
            <a:pPr lvl="1"/>
            <a:r>
              <a:rPr lang="en-GB" sz="1850" dirty="0"/>
              <a:t>Temporary UIs</a:t>
            </a:r>
          </a:p>
          <a:p>
            <a:pPr lvl="1"/>
            <a:r>
              <a:rPr lang="en-GB" sz="1850" dirty="0"/>
              <a:t>“Duh” interactions e.g. via </a:t>
            </a:r>
            <a:r>
              <a:rPr lang="en-GB" sz="1850" dirty="0" smtClean="0"/>
              <a:t>NFC</a:t>
            </a:r>
            <a:endParaRPr lang="en-GB" sz="1850" dirty="0"/>
          </a:p>
          <a:p>
            <a:pPr lvl="1"/>
            <a:r>
              <a:rPr lang="en-GB" sz="1850" dirty="0" smtClean="0"/>
              <a:t>Pre-pairing (pro’s </a:t>
            </a:r>
            <a:r>
              <a:rPr lang="en-GB" sz="1850" dirty="0"/>
              <a:t>&amp; </a:t>
            </a:r>
            <a:r>
              <a:rPr lang="en-GB" sz="1850" dirty="0" smtClean="0"/>
              <a:t>con’s)</a:t>
            </a:r>
            <a:endParaRPr lang="en-GB" sz="1850" dirty="0"/>
          </a:p>
        </p:txBody>
      </p:sp>
    </p:spTree>
    <p:extLst>
      <p:ext uri="{BB962C8B-B14F-4D97-AF65-F5344CB8AC3E}">
        <p14:creationId xmlns:p14="http://schemas.microsoft.com/office/powerpoint/2010/main" val="4117203453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smtClean="0"/>
              <a:t>Stat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>
            <a:normAutofit fontScale="92500" lnSpcReduction="20000"/>
          </a:bodyPr>
          <a:lstStyle/>
          <a:p>
            <a:r>
              <a:rPr lang="en-GB" dirty="0" smtClean="0"/>
              <a:t>In </a:t>
            </a:r>
            <a:r>
              <a:rPr lang="en-GB" dirty="0"/>
              <a:t>the face </a:t>
            </a:r>
            <a:r>
              <a:rPr lang="en-GB" dirty="0" smtClean="0"/>
              <a:t>of</a:t>
            </a:r>
          </a:p>
          <a:p>
            <a:pPr lvl="1"/>
            <a:r>
              <a:rPr lang="en-GB" dirty="0" smtClean="0"/>
              <a:t>Latency</a:t>
            </a:r>
          </a:p>
          <a:p>
            <a:pPr lvl="1"/>
            <a:r>
              <a:rPr lang="en-GB" dirty="0" smtClean="0"/>
              <a:t>Unreliable connections</a:t>
            </a:r>
          </a:p>
          <a:p>
            <a:r>
              <a:rPr lang="en-GB" sz="2200" dirty="0"/>
              <a:t>e</a:t>
            </a:r>
            <a:r>
              <a:rPr lang="en-GB" sz="2200" dirty="0" smtClean="0"/>
              <a:t>.g</a:t>
            </a:r>
            <a:r>
              <a:rPr lang="en-GB" sz="2200" dirty="0"/>
              <a:t>. </a:t>
            </a:r>
            <a:r>
              <a:rPr lang="en-GB" sz="2200" dirty="0" err="1"/>
              <a:t>Smartplug</a:t>
            </a:r>
            <a:r>
              <a:rPr lang="en-GB" sz="2200" dirty="0"/>
              <a:t> switch </a:t>
            </a:r>
            <a:r>
              <a:rPr lang="en-GB" sz="2200" dirty="0" smtClean="0"/>
              <a:t>UI</a:t>
            </a:r>
          </a:p>
          <a:p>
            <a:pPr lvl="1"/>
            <a:r>
              <a:rPr lang="en-GB" sz="1900" dirty="0" smtClean="0"/>
              <a:t>400ms response</a:t>
            </a:r>
          </a:p>
          <a:p>
            <a:pPr lvl="1"/>
            <a:r>
              <a:rPr lang="en-GB" sz="1900" dirty="0" smtClean="0"/>
              <a:t>E.g. </a:t>
            </a:r>
            <a:r>
              <a:rPr lang="en-GB" sz="1900" dirty="0"/>
              <a:t>o</a:t>
            </a:r>
            <a:r>
              <a:rPr lang="en-GB" sz="1900" dirty="0" smtClean="0"/>
              <a:t>n smartphone, show local state or remote state?</a:t>
            </a:r>
          </a:p>
          <a:p>
            <a:pPr lvl="1"/>
            <a:r>
              <a:rPr lang="en-GB" sz="1900" dirty="0" smtClean="0"/>
              <a:t>Need indicators for “in progress” </a:t>
            </a:r>
            <a:r>
              <a:rPr lang="en-GB" sz="1900" dirty="0"/>
              <a:t>&amp; “unknown</a:t>
            </a:r>
            <a:r>
              <a:rPr lang="en-GB" sz="1900" dirty="0" smtClean="0"/>
              <a:t>”</a:t>
            </a:r>
            <a:endParaRPr lang="en-GB" sz="1900" dirty="0"/>
          </a:p>
          <a:p>
            <a:r>
              <a:rPr lang="en-GB" sz="2200" dirty="0" smtClean="0"/>
              <a:t>Plan for missing data (e.g. buttons &amp; charts)</a:t>
            </a:r>
            <a:endParaRPr lang="en-GB" sz="2200" dirty="0"/>
          </a:p>
          <a:p>
            <a:r>
              <a:rPr lang="en-GB" sz="2200" dirty="0" smtClean="0"/>
              <a:t>Historical state:</a:t>
            </a:r>
          </a:p>
          <a:p>
            <a:pPr lvl="2"/>
            <a:r>
              <a:rPr lang="en-GB" sz="1600" dirty="0" smtClean="0"/>
              <a:t>Immutability </a:t>
            </a:r>
            <a:r>
              <a:rPr lang="en-GB" sz="1600" dirty="0"/>
              <a:t>good for </a:t>
            </a:r>
            <a:r>
              <a:rPr lang="en-GB" sz="1600" dirty="0" smtClean="0"/>
              <a:t>scaling.</a:t>
            </a:r>
          </a:p>
          <a:p>
            <a:pPr lvl="2"/>
            <a:r>
              <a:rPr lang="en-GB" sz="1600" dirty="0" smtClean="0"/>
              <a:t>Data </a:t>
            </a:r>
            <a:r>
              <a:rPr lang="en-GB" sz="1600" dirty="0"/>
              <a:t>can show-up </a:t>
            </a:r>
            <a:r>
              <a:rPr lang="en-GB" sz="1600" dirty="0" smtClean="0"/>
              <a:t>late.</a:t>
            </a:r>
          </a:p>
          <a:p>
            <a:pPr lvl="2"/>
            <a:r>
              <a:rPr lang="en-GB" sz="1600" dirty="0" smtClean="0"/>
              <a:t>When </a:t>
            </a:r>
            <a:r>
              <a:rPr lang="en-GB" sz="1600" dirty="0"/>
              <a:t>do we say data is irrevocably missed?</a:t>
            </a:r>
          </a:p>
          <a:p>
            <a:r>
              <a:rPr lang="en-GB" sz="2200" dirty="0"/>
              <a:t>Round-tripping unit conversions (F-&gt;C-&gt;F</a:t>
            </a:r>
            <a:r>
              <a:rPr lang="en-GB" sz="2200" dirty="0" smtClean="0"/>
              <a:t>)</a:t>
            </a:r>
            <a:endParaRPr lang="en-GB" sz="2200" dirty="0"/>
          </a:p>
        </p:txBody>
      </p:sp>
      <p:grpSp>
        <p:nvGrpSpPr>
          <p:cNvPr id="9" name="Group 8"/>
          <p:cNvGrpSpPr/>
          <p:nvPr/>
        </p:nvGrpSpPr>
        <p:grpSpPr>
          <a:xfrm>
            <a:off x="4635061" y="1570246"/>
            <a:ext cx="807193" cy="807193"/>
            <a:chOff x="3481025" y="2036906"/>
            <a:chExt cx="479271" cy="479271"/>
          </a:xfrm>
          <a:scene3d>
            <a:camera prst="orthographicFront"/>
            <a:lightRig rig="twoPt" dir="t"/>
          </a:scene3d>
        </p:grpSpPr>
        <p:sp>
          <p:nvSpPr>
            <p:cNvPr id="4" name="Oval 3"/>
            <p:cNvSpPr/>
            <p:nvPr/>
          </p:nvSpPr>
          <p:spPr>
            <a:xfrm>
              <a:off x="3481025" y="2036906"/>
              <a:ext cx="479271" cy="479271"/>
            </a:xfrm>
            <a:prstGeom prst="ellipse">
              <a:avLst/>
            </a:prstGeom>
            <a:solidFill>
              <a:schemeClr val="bg1">
                <a:lumMod val="85000"/>
              </a:schemeClr>
            </a:solidFill>
            <a:ln>
              <a:solidFill>
                <a:schemeClr val="bg1">
                  <a:lumMod val="75000"/>
                </a:schemeClr>
              </a:solidFill>
            </a:ln>
            <a:sp3d prstMaterial="powder">
              <a:bevelT prst="relaxedInset"/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cxnSp>
          <p:nvCxnSpPr>
            <p:cNvPr id="8" name="Straight Connector 7"/>
            <p:cNvCxnSpPr/>
            <p:nvPr/>
          </p:nvCxnSpPr>
          <p:spPr>
            <a:xfrm>
              <a:off x="3720662" y="2144111"/>
              <a:ext cx="0" cy="245942"/>
            </a:xfrm>
            <a:prstGeom prst="line">
              <a:avLst/>
            </a:prstGeom>
            <a:ln w="76200">
              <a:solidFill>
                <a:schemeClr val="tx1"/>
              </a:solidFill>
            </a:ln>
            <a:sp3d prstMaterial="powder"/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2814015174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IMING" val="|2.7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IMING" val="|2.7"/>
</p:tagLst>
</file>

<file path=ppt/theme/theme1.xml><?xml version="1.0" encoding="utf-8"?>
<a:theme xmlns:a="http://schemas.openxmlformats.org/drawingml/2006/main" name="Office Theme">
  <a:themeElements>
    <a:clrScheme name="Office Them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 Them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3576</TotalTime>
  <Words>511</Words>
  <Application>Microsoft Macintosh PowerPoint</Application>
  <PresentationFormat>Custom</PresentationFormat>
  <Paragraphs>86</Paragraphs>
  <Slides>13</Slides>
  <Notes>1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13</vt:i4>
      </vt:variant>
    </vt:vector>
  </HeadingPairs>
  <TitlesOfParts>
    <vt:vector size="14" baseType="lpstr">
      <vt:lpstr>Office Theme</vt:lpstr>
      <vt:lpstr>Getting to Simple Deploying IoT at scale  Pilgrim Beart FIET  Founder 1248 AlertMe Splashpower antenova activeRF</vt:lpstr>
      <vt:lpstr>Background</vt:lpstr>
      <vt:lpstr>What is IoT?</vt:lpstr>
      <vt:lpstr>IoT Architecture/Terminology</vt:lpstr>
      <vt:lpstr>Lessons</vt:lpstr>
      <vt:lpstr>PowerPoint Presentation</vt:lpstr>
      <vt:lpstr>Real world is a messy place</vt:lpstr>
      <vt:lpstr>First impressions</vt:lpstr>
      <vt:lpstr>State</vt:lpstr>
      <vt:lpstr>Where does the “App” run?</vt:lpstr>
      <vt:lpstr>Less eyeballs</vt:lpstr>
      <vt:lpstr>Mindset for IoT design</vt:lpstr>
      <vt:lpstr>Getting to Simple Deploying IoT at scale  Pilgrim Beart FIET  Founder 1248 AlertMe Splashpower antenova activeRF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Pilgrim Beart</dc:creator>
  <cp:lastModifiedBy>Ari Stiles</cp:lastModifiedBy>
  <cp:revision>347</cp:revision>
  <dcterms:created xsi:type="dcterms:W3CDTF">2015-02-10T10:44:02Z</dcterms:created>
  <dcterms:modified xsi:type="dcterms:W3CDTF">2015-05-20T04:38:46Z</dcterms:modified>
</cp:coreProperties>
</file>